
<file path=[Content_Types].xml><?xml version="1.0" encoding="utf-8"?>
<Types xmlns="http://schemas.openxmlformats.org/package/2006/content-types">
  <Default Extension="fntdata" ContentType="application/x-fontdata"/>
  <Default Extension="jpeg" ContentType="image/jpeg"/>
  <Default Extension="jpg" ContentType="image/jpeg"/>
  <Default Extension="os2" ContentType="image/x-emf"/>
  <Default Extension="png" ContentType="image/png"/>
  <Default Extension="qs3" ContentType="image/x-emf"/>
  <Default Extension="r4w" ContentType="image/x-emf"/>
  <Default Extension="rels" ContentType="application/vnd.openxmlformats-package.relationships+xml"/>
  <Default Extension="sjb" ContentType="image/x-emf"/>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7.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10"/>
    <p:sldMasterId id="2147483843" r:id="rId11"/>
  </p:sldMasterIdLst>
  <p:notesMasterIdLst>
    <p:notesMasterId r:id="rId25"/>
  </p:notesMasterIdLst>
  <p:handoutMasterIdLst>
    <p:handoutMasterId r:id="rId26"/>
  </p:handoutMasterIdLst>
  <p:sldIdLst>
    <p:sldId id="2147471045" r:id="rId12"/>
    <p:sldId id="2147481541" r:id="rId13"/>
    <p:sldId id="2147481547" r:id="rId14"/>
    <p:sldId id="2147481479" r:id="rId15"/>
    <p:sldId id="2147481533" r:id="rId16"/>
    <p:sldId id="7449" r:id="rId17"/>
    <p:sldId id="2147481537" r:id="rId18"/>
    <p:sldId id="2147471048" r:id="rId19"/>
    <p:sldId id="2147481539" r:id="rId20"/>
    <p:sldId id="2147481544" r:id="rId21"/>
    <p:sldId id="2147481545" r:id="rId22"/>
    <p:sldId id="2147481542" r:id="rId23"/>
    <p:sldId id="2147471044" r:id="rId24"/>
  </p:sldIdLst>
  <p:sldSz cx="12192000" cy="6858000"/>
  <p:notesSz cx="6858000" cy="9144000"/>
  <p:embeddedFontLst>
    <p:embeddedFont>
      <p:font typeface="DI Display Office" panose="020B0604020202020204" charset="0"/>
      <p:regular r:id="rId27"/>
      <p:bold r:id="rId28"/>
      <p:italic r:id="rId29"/>
      <p:boldItalic r:id="rId30"/>
    </p:embeddedFont>
    <p:embeddedFont>
      <p:font typeface="DI Numbers Office" panose="020B0604020202020204" charset="0"/>
      <p:regular r:id="rId31"/>
      <p:bold r:id="rId32"/>
      <p:italic r:id="rId33"/>
      <p:boldItalic r:id="rId34"/>
    </p:embeddedFont>
    <p:embeddedFont>
      <p:font typeface="DI Sans Office" panose="020B0604020202020204" charset="0"/>
      <p:regular r:id="rId35"/>
      <p:bold r:id="rId36"/>
      <p:italic r:id="rId37"/>
      <p:boldItalic r:id="rId38"/>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AB34F2BB-C43C-4ED1-BA23-C6A08EF9DBF0}">
          <p14:sldIdLst>
            <p14:sldId id="2147471045"/>
            <p14:sldId id="2147481541"/>
            <p14:sldId id="2147481547"/>
            <p14:sldId id="2147481479"/>
            <p14:sldId id="2147481533"/>
            <p14:sldId id="7449"/>
            <p14:sldId id="2147481537"/>
            <p14:sldId id="2147471048"/>
            <p14:sldId id="2147481539"/>
            <p14:sldId id="2147481544"/>
            <p14:sldId id="2147481545"/>
            <p14:sldId id="2147481542"/>
            <p14:sldId id="2147471044"/>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2D5ABB26-0587-4C30-8999-92F81FD0307C}">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Ingen typografi, intet git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42491" autoAdjust="0"/>
  </p:normalViewPr>
  <p:slideViewPr>
    <p:cSldViewPr snapToGrid="0" showGuides="1">
      <p:cViewPr varScale="1">
        <p:scale>
          <a:sx n="47" d="100"/>
          <a:sy n="47" d="100"/>
        </p:scale>
        <p:origin x="3030" y="42"/>
      </p:cViewPr>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91" d="100"/>
          <a:sy n="91" d="100"/>
        </p:scale>
        <p:origin x="2694" y="72"/>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handoutMaster" Target="handoutMasters/handoutMaster1.xml"/><Relationship Id="rId39"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10.xml"/><Relationship Id="rId34" Type="http://schemas.openxmlformats.org/officeDocument/2006/relationships/font" Target="fonts/font8.fntdata"/><Relationship Id="rId42"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notesMaster" Target="notesMasters/notesMaster1.xml"/><Relationship Id="rId33" Type="http://schemas.openxmlformats.org/officeDocument/2006/relationships/font" Target="fonts/font7.fntdata"/><Relationship Id="rId38" Type="http://schemas.openxmlformats.org/officeDocument/2006/relationships/font" Target="fonts/font12.fntdata"/><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font" Target="fonts/font3.fntdata"/><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2.xml"/><Relationship Id="rId24" Type="http://schemas.openxmlformats.org/officeDocument/2006/relationships/slide" Target="slides/slide13.xml"/><Relationship Id="rId32" Type="http://schemas.openxmlformats.org/officeDocument/2006/relationships/font" Target="fonts/font6.fntdata"/><Relationship Id="rId37" Type="http://schemas.openxmlformats.org/officeDocument/2006/relationships/font" Target="fonts/font11.fntdata"/><Relationship Id="rId40"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font" Target="fonts/font2.fntdata"/><Relationship Id="rId36" Type="http://schemas.openxmlformats.org/officeDocument/2006/relationships/font" Target="fonts/font10.fntdata"/><Relationship Id="rId10" Type="http://schemas.openxmlformats.org/officeDocument/2006/relationships/slideMaster" Target="slideMasters/slideMaster1.xml"/><Relationship Id="rId19" Type="http://schemas.openxmlformats.org/officeDocument/2006/relationships/slide" Target="slides/slide8.xml"/><Relationship Id="rId31" Type="http://schemas.openxmlformats.org/officeDocument/2006/relationships/font" Target="fonts/font5.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font" Target="fonts/font1.fntdata"/><Relationship Id="rId30" Type="http://schemas.openxmlformats.org/officeDocument/2006/relationships/font" Target="fonts/font4.fntdata"/><Relationship Id="rId35" Type="http://schemas.openxmlformats.org/officeDocument/2006/relationships/font" Target="fonts/font9.fntdata"/><Relationship Id="rId43" Type="http://schemas.microsoft.com/office/2018/10/relationships/authors" Target="authors.xml"/></Relationships>
</file>

<file path=ppt/charts/_rels/chart1.xml.rels><?xml version="1.0" encoding="UTF-8" standalone="yes"?>
<Relationships xmlns="http://schemas.openxmlformats.org/package/2006/relationships"><Relationship Id="rId3" Type="http://schemas.openxmlformats.org/officeDocument/2006/relationships/oleObject" Target="file:///C:\Users\mahm\Downloads\2024911102359480671136BIL811.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file:///C:\Users\mahm\Desktop\Analyse%20busk&#248;replantimer\Copy%20of%20Timer_alle.xlsx" TargetMode="External"/><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600" b="0" i="0" u="none" strike="noStrike" kern="1200" cap="none" spc="50" normalizeH="0" baseline="0">
                <a:solidFill>
                  <a:schemeClr val="tx1">
                    <a:lumMod val="65000"/>
                    <a:lumOff val="35000"/>
                  </a:schemeClr>
                </a:solidFill>
                <a:latin typeface="+mj-lt"/>
                <a:ea typeface="+mj-ea"/>
                <a:cs typeface="+mj-cs"/>
              </a:defRPr>
            </a:pPr>
            <a:r>
              <a:rPr lang="da-DK" sz="1600" b="1" i="0" u="none" strike="noStrike" kern="1200" spc="0" baseline="0" dirty="0">
                <a:solidFill>
                  <a:srgbClr val="000000">
                    <a:lumMod val="65000"/>
                    <a:lumOff val="35000"/>
                  </a:srgbClr>
                </a:solidFill>
              </a:rPr>
              <a:t>Bilrådigheden for familier i Region Midtjylland</a:t>
            </a:r>
          </a:p>
        </c:rich>
      </c:tx>
      <c:overlay val="0"/>
      <c:spPr>
        <a:noFill/>
        <a:ln>
          <a:noFill/>
        </a:ln>
        <a:effectLst/>
      </c:spPr>
      <c:txPr>
        <a:bodyPr rot="0" spcFirstLastPara="1" vertOverflow="ellipsis" vert="horz" wrap="square" anchor="ctr" anchorCtr="1"/>
        <a:lstStyle/>
        <a:p>
          <a:pPr>
            <a:defRPr sz="1600" b="0" i="0" u="none" strike="noStrike" kern="1200" cap="none" spc="50" normalizeH="0" baseline="0">
              <a:solidFill>
                <a:schemeClr val="tx1">
                  <a:lumMod val="65000"/>
                  <a:lumOff val="35000"/>
                </a:schemeClr>
              </a:solidFill>
              <a:latin typeface="+mj-lt"/>
              <a:ea typeface="+mj-ea"/>
              <a:cs typeface="+mj-cs"/>
            </a:defRPr>
          </a:pPr>
          <a:endParaRPr lang="da-DK"/>
        </a:p>
      </c:txPr>
    </c:title>
    <c:autoTitleDeleted val="0"/>
    <c:plotArea>
      <c:layout/>
      <c:barChart>
        <c:barDir val="col"/>
        <c:grouping val="clustered"/>
        <c:varyColors val="0"/>
        <c:ser>
          <c:idx val="0"/>
          <c:order val="0"/>
          <c:spPr>
            <a:solidFill>
              <a:schemeClr val="accent1">
                <a:alpha val="70000"/>
              </a:schemeClr>
            </a:solidFill>
            <a:ln>
              <a:noFill/>
            </a:ln>
            <a:effectLst/>
            <a:extLst>
              <a:ext uri="{91240B29-F687-4F45-9708-019B960494DF}">
                <a14:hiddenLine xmlns:a14="http://schemas.microsoft.com/office/drawing/2010/main">
                  <a:noFill/>
                </a14:hiddenLine>
              </a:ext>
            </a:extLst>
          </c:spPr>
          <c:invertIfNegative val="0"/>
          <c:cat>
            <c:strRef>
              <c:f>'BIL811'!$C$4:$C$22</c:f>
              <c:strCache>
                <c:ptCount val="19"/>
                <c:pt idx="0">
                  <c:v>Aarhus</c:v>
                </c:pt>
                <c:pt idx="1">
                  <c:v>Horsens</c:v>
                </c:pt>
                <c:pt idx="2">
                  <c:v>Randers</c:v>
                </c:pt>
                <c:pt idx="3">
                  <c:v>Samsø</c:v>
                </c:pt>
                <c:pt idx="4">
                  <c:v>Norddjurs</c:v>
                </c:pt>
                <c:pt idx="5">
                  <c:v>Struer</c:v>
                </c:pt>
                <c:pt idx="6">
                  <c:v>Herning</c:v>
                </c:pt>
                <c:pt idx="7">
                  <c:v>Viborg</c:v>
                </c:pt>
                <c:pt idx="8">
                  <c:v>Ikast-Brande</c:v>
                </c:pt>
                <c:pt idx="9">
                  <c:v>Holstebro</c:v>
                </c:pt>
                <c:pt idx="10">
                  <c:v>Skive</c:v>
                </c:pt>
                <c:pt idx="11">
                  <c:v>Lemvig</c:v>
                </c:pt>
                <c:pt idx="12">
                  <c:v>Silkeborg</c:v>
                </c:pt>
                <c:pt idx="13">
                  <c:v>Odder</c:v>
                </c:pt>
                <c:pt idx="14">
                  <c:v>Ringkøbing-Skjern</c:v>
                </c:pt>
                <c:pt idx="15">
                  <c:v>Syddjurs</c:v>
                </c:pt>
                <c:pt idx="16">
                  <c:v>Hedensted</c:v>
                </c:pt>
                <c:pt idx="17">
                  <c:v>Skanderborg</c:v>
                </c:pt>
                <c:pt idx="18">
                  <c:v>Favrskov</c:v>
                </c:pt>
              </c:strCache>
            </c:strRef>
          </c:cat>
          <c:val>
            <c:numRef>
              <c:f>'BIL811'!$D$4:$D$22</c:f>
              <c:numCache>
                <c:formatCode>General</c:formatCode>
                <c:ptCount val="19"/>
                <c:pt idx="0">
                  <c:v>50.8</c:v>
                </c:pt>
                <c:pt idx="1">
                  <c:v>31.3</c:v>
                </c:pt>
                <c:pt idx="2">
                  <c:v>31.3</c:v>
                </c:pt>
                <c:pt idx="3">
                  <c:v>29.8</c:v>
                </c:pt>
                <c:pt idx="4">
                  <c:v>28.9</c:v>
                </c:pt>
                <c:pt idx="5">
                  <c:v>27.3</c:v>
                </c:pt>
                <c:pt idx="6">
                  <c:v>26.8</c:v>
                </c:pt>
                <c:pt idx="7">
                  <c:v>26.5</c:v>
                </c:pt>
                <c:pt idx="8">
                  <c:v>26.2</c:v>
                </c:pt>
                <c:pt idx="9">
                  <c:v>26.1</c:v>
                </c:pt>
                <c:pt idx="10">
                  <c:v>25.3</c:v>
                </c:pt>
                <c:pt idx="11">
                  <c:v>24.5</c:v>
                </c:pt>
                <c:pt idx="12">
                  <c:v>24.3</c:v>
                </c:pt>
                <c:pt idx="13">
                  <c:v>23.9</c:v>
                </c:pt>
                <c:pt idx="14">
                  <c:v>23</c:v>
                </c:pt>
                <c:pt idx="15">
                  <c:v>22.1</c:v>
                </c:pt>
                <c:pt idx="16">
                  <c:v>20.7</c:v>
                </c:pt>
                <c:pt idx="17">
                  <c:v>20.2</c:v>
                </c:pt>
                <c:pt idx="18">
                  <c:v>20.100000000000001</c:v>
                </c:pt>
              </c:numCache>
            </c:numRef>
          </c:val>
          <c:extLst>
            <c:ext xmlns:c16="http://schemas.microsoft.com/office/drawing/2014/chart" uri="{C3380CC4-5D6E-409C-BE32-E72D297353CC}">
              <c16:uniqueId val="{00000000-8DCD-4A54-A034-F7BD7C6FCD74}"/>
            </c:ext>
          </c:extLst>
        </c:ser>
        <c:dLbls>
          <c:showLegendKey val="0"/>
          <c:showVal val="0"/>
          <c:showCatName val="0"/>
          <c:showSerName val="0"/>
          <c:showPercent val="0"/>
          <c:showBubbleSize val="0"/>
        </c:dLbls>
        <c:gapWidth val="80"/>
        <c:overlap val="25"/>
        <c:axId val="873209072"/>
        <c:axId val="873210512"/>
      </c:barChart>
      <c:catAx>
        <c:axId val="873209072"/>
        <c:scaling>
          <c:orientation val="minMax"/>
        </c:scaling>
        <c:delete val="0"/>
        <c:axPos val="b"/>
        <c:numFmt formatCode="General" sourceLinked="1"/>
        <c:majorTickMark val="none"/>
        <c:minorTickMark val="none"/>
        <c:tickLblPos val="nextTo"/>
        <c:spPr>
          <a:noFill/>
          <a:ln w="15875" cap="flat" cmpd="sng" algn="ctr">
            <a:solidFill>
              <a:schemeClr val="tx1">
                <a:lumMod val="25000"/>
                <a:lumOff val="75000"/>
              </a:schemeClr>
            </a:solidFill>
            <a:round/>
          </a:ln>
          <a:effectLst/>
        </c:spPr>
        <c:txPr>
          <a:bodyPr rot="-60000000" spcFirstLastPara="1" vertOverflow="ellipsis" vert="horz" wrap="square" anchor="ctr" anchorCtr="1"/>
          <a:lstStyle/>
          <a:p>
            <a:pPr>
              <a:defRPr sz="1100" b="0" i="0" u="none" strike="noStrike" kern="1200" cap="none" spc="20" normalizeH="0" baseline="0">
                <a:solidFill>
                  <a:schemeClr val="tx1">
                    <a:lumMod val="65000"/>
                    <a:lumOff val="35000"/>
                  </a:schemeClr>
                </a:solidFill>
                <a:latin typeface="+mn-lt"/>
                <a:ea typeface="+mn-ea"/>
                <a:cs typeface="+mn-cs"/>
              </a:defRPr>
            </a:pPr>
            <a:endParaRPr lang="da-DK"/>
          </a:p>
        </c:txPr>
        <c:crossAx val="873210512"/>
        <c:crosses val="autoZero"/>
        <c:auto val="1"/>
        <c:lblAlgn val="ctr"/>
        <c:lblOffset val="100"/>
        <c:noMultiLvlLbl val="0"/>
      </c:catAx>
      <c:valAx>
        <c:axId val="873210512"/>
        <c:scaling>
          <c:orientation val="minMax"/>
          <c:max val="60"/>
        </c:scaling>
        <c:delete val="0"/>
        <c:axPos val="l"/>
        <c:majorGridlines>
          <c:spPr>
            <a:ln w="9525" cap="flat" cmpd="sng" algn="ctr">
              <a:gradFill>
                <a:gsLst>
                  <a:gs pos="0">
                    <a:schemeClr val="accent1">
                      <a:lumMod val="5000"/>
                      <a:lumOff val="95000"/>
                    </a:schemeClr>
                  </a:gs>
                  <a:gs pos="74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prstDash val="sysDot"/>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spc="20" baseline="0">
                <a:solidFill>
                  <a:schemeClr val="tx1">
                    <a:lumMod val="65000"/>
                    <a:lumOff val="35000"/>
                  </a:schemeClr>
                </a:solidFill>
                <a:latin typeface="+mn-lt"/>
                <a:ea typeface="+mn-ea"/>
                <a:cs typeface="+mn-cs"/>
              </a:defRPr>
            </a:pPr>
            <a:endParaRPr lang="da-DK"/>
          </a:p>
        </c:txPr>
        <c:crossAx val="873209072"/>
        <c:crosses val="autoZero"/>
        <c:crossBetween val="between"/>
        <c:majorUnit val="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da-DK"/>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da-DK"/>
              <a:t>Udvikling af</a:t>
            </a:r>
            <a:r>
              <a:rPr lang="da-DK" baseline="0"/>
              <a:t> buskøreplanstimer sammenlignet med det samlede persontransportarbejde</a:t>
            </a:r>
            <a:endParaRPr lang="da-DK"/>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da-DK"/>
        </a:p>
      </c:txPr>
    </c:title>
    <c:autoTitleDeleted val="0"/>
    <c:plotArea>
      <c:layout/>
      <c:barChart>
        <c:barDir val="col"/>
        <c:grouping val="clustered"/>
        <c:varyColors val="0"/>
        <c:ser>
          <c:idx val="0"/>
          <c:order val="0"/>
          <c:tx>
            <c:v>Samlede køreplanstimer for busser</c:v>
          </c:tx>
          <c:spPr>
            <a:solidFill>
              <a:srgbClr val="38025C"/>
            </a:solidFill>
            <a:ln>
              <a:noFill/>
            </a:ln>
            <a:effectLst/>
            <a:extLst>
              <a:ext uri="{91240B29-F687-4F45-9708-019B960494DF}">
                <a14:hiddenLine xmlns:a14="http://schemas.microsoft.com/office/drawing/2010/main">
                  <a:noFill/>
                </a14:hiddenLine>
              </a:ext>
            </a:extLst>
          </c:spPr>
          <c:invertIfNegative val="0"/>
          <c:cat>
            <c:numRef>
              <c:f>'Andre grafer'!$C$7:$Q$7</c:f>
              <c:numCache>
                <c:formatCode>General</c:formatCode>
                <c:ptCount val="15"/>
                <c:pt idx="0">
                  <c:v>2010</c:v>
                </c:pt>
                <c:pt idx="1">
                  <c:v>2011</c:v>
                </c:pt>
                <c:pt idx="2">
                  <c:v>2012</c:v>
                </c:pt>
                <c:pt idx="3">
                  <c:v>2013</c:v>
                </c:pt>
                <c:pt idx="4">
                  <c:v>2014</c:v>
                </c:pt>
                <c:pt idx="5">
                  <c:v>2015</c:v>
                </c:pt>
                <c:pt idx="6">
                  <c:v>2016</c:v>
                </c:pt>
                <c:pt idx="7">
                  <c:v>2017</c:v>
                </c:pt>
                <c:pt idx="8">
                  <c:v>2018</c:v>
                </c:pt>
                <c:pt idx="9">
                  <c:v>2019</c:v>
                </c:pt>
                <c:pt idx="10">
                  <c:v>2020</c:v>
                </c:pt>
                <c:pt idx="11">
                  <c:v>2021</c:v>
                </c:pt>
                <c:pt idx="12">
                  <c:v>2022</c:v>
                </c:pt>
                <c:pt idx="13">
                  <c:v>2023</c:v>
                </c:pt>
                <c:pt idx="14">
                  <c:v>2024</c:v>
                </c:pt>
              </c:numCache>
            </c:numRef>
          </c:cat>
          <c:val>
            <c:numRef>
              <c:f>'Andre grafer'!$C$8:$Q$8</c:f>
              <c:numCache>
                <c:formatCode>#,##0</c:formatCode>
                <c:ptCount val="15"/>
                <c:pt idx="0">
                  <c:v>8968</c:v>
                </c:pt>
                <c:pt idx="1">
                  <c:v>8801</c:v>
                </c:pt>
                <c:pt idx="2">
                  <c:v>8744</c:v>
                </c:pt>
                <c:pt idx="3">
                  <c:v>8744</c:v>
                </c:pt>
                <c:pt idx="4">
                  <c:v>8694</c:v>
                </c:pt>
                <c:pt idx="5">
                  <c:v>8698</c:v>
                </c:pt>
                <c:pt idx="6">
                  <c:v>8826</c:v>
                </c:pt>
                <c:pt idx="7">
                  <c:v>8759</c:v>
                </c:pt>
                <c:pt idx="8">
                  <c:v>8717</c:v>
                </c:pt>
                <c:pt idx="9">
                  <c:v>8541</c:v>
                </c:pt>
                <c:pt idx="10">
                  <c:v>8339</c:v>
                </c:pt>
                <c:pt idx="11">
                  <c:v>8296</c:v>
                </c:pt>
                <c:pt idx="12">
                  <c:v>8302</c:v>
                </c:pt>
                <c:pt idx="13">
                  <c:v>8132</c:v>
                </c:pt>
                <c:pt idx="14">
                  <c:v>7935</c:v>
                </c:pt>
              </c:numCache>
            </c:numRef>
          </c:val>
          <c:extLst>
            <c:ext xmlns:c16="http://schemas.microsoft.com/office/drawing/2014/chart" uri="{C3380CC4-5D6E-409C-BE32-E72D297353CC}">
              <c16:uniqueId val="{00000000-740D-4C98-9E7D-A880D71170EC}"/>
            </c:ext>
          </c:extLst>
        </c:ser>
        <c:dLbls>
          <c:showLegendKey val="0"/>
          <c:showVal val="0"/>
          <c:showCatName val="0"/>
          <c:showSerName val="0"/>
          <c:showPercent val="0"/>
          <c:showBubbleSize val="0"/>
        </c:dLbls>
        <c:gapWidth val="150"/>
        <c:overlap val="-50"/>
        <c:axId val="1108426400"/>
        <c:axId val="1108427840"/>
      </c:barChart>
      <c:lineChart>
        <c:grouping val="standard"/>
        <c:varyColors val="0"/>
        <c:ser>
          <c:idx val="1"/>
          <c:order val="1"/>
          <c:tx>
            <c:v>Samlet persontransportarbejde</c:v>
          </c:tx>
          <c:spPr>
            <a:ln w="28575" cap="rnd" cmpd="sng" algn="ctr">
              <a:solidFill>
                <a:srgbClr val="009999"/>
              </a:solidFill>
              <a:prstDash val="solid"/>
              <a:round/>
              <a:headEnd type="none" w="med" len="med"/>
              <a:tailEnd type="none" w="med" len="med"/>
            </a:ln>
            <a:effectLst/>
          </c:spPr>
          <c:marker>
            <c:symbol val="none"/>
          </c:marker>
          <c:val>
            <c:numRef>
              <c:f>'Andre grafer'!$C$9:$Q$9</c:f>
              <c:numCache>
                <c:formatCode>#,##0</c:formatCode>
                <c:ptCount val="15"/>
                <c:pt idx="0">
                  <c:v>77425</c:v>
                </c:pt>
                <c:pt idx="1">
                  <c:v>78303</c:v>
                </c:pt>
                <c:pt idx="2">
                  <c:v>77457</c:v>
                </c:pt>
                <c:pt idx="3">
                  <c:v>77308</c:v>
                </c:pt>
                <c:pt idx="4">
                  <c:v>78828</c:v>
                </c:pt>
                <c:pt idx="5">
                  <c:v>81274</c:v>
                </c:pt>
                <c:pt idx="6">
                  <c:v>83458</c:v>
                </c:pt>
                <c:pt idx="7">
                  <c:v>84591</c:v>
                </c:pt>
                <c:pt idx="8">
                  <c:v>85605</c:v>
                </c:pt>
                <c:pt idx="9">
                  <c:v>86852</c:v>
                </c:pt>
                <c:pt idx="10">
                  <c:v>76627</c:v>
                </c:pt>
                <c:pt idx="11">
                  <c:v>79716</c:v>
                </c:pt>
                <c:pt idx="12">
                  <c:v>86671</c:v>
                </c:pt>
              </c:numCache>
            </c:numRef>
          </c:val>
          <c:smooth val="0"/>
          <c:extLst>
            <c:ext xmlns:c16="http://schemas.microsoft.com/office/drawing/2014/chart" uri="{C3380CC4-5D6E-409C-BE32-E72D297353CC}">
              <c16:uniqueId val="{00000002-740D-4C98-9E7D-A880D71170EC}"/>
            </c:ext>
          </c:extLst>
        </c:ser>
        <c:dLbls>
          <c:showLegendKey val="0"/>
          <c:showVal val="0"/>
          <c:showCatName val="0"/>
          <c:showSerName val="0"/>
          <c:showPercent val="0"/>
          <c:showBubbleSize val="0"/>
        </c:dLbls>
        <c:marker val="1"/>
        <c:smooth val="0"/>
        <c:axId val="1068840152"/>
        <c:axId val="1108424600"/>
      </c:lineChart>
      <c:catAx>
        <c:axId val="110842640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mn-lt"/>
                <a:ea typeface="+mn-ea"/>
                <a:cs typeface="+mn-cs"/>
              </a:defRPr>
            </a:pPr>
            <a:endParaRPr lang="da-DK"/>
          </a:p>
        </c:txPr>
        <c:crossAx val="1108427840"/>
        <c:crosses val="autoZero"/>
        <c:auto val="1"/>
        <c:lblAlgn val="ctr"/>
        <c:lblOffset val="100"/>
        <c:noMultiLvlLbl val="0"/>
      </c:catAx>
      <c:valAx>
        <c:axId val="1108427840"/>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r>
                  <a:rPr lang="da-DK" sz="1050" dirty="0"/>
                  <a:t>Køreplanstimer</a:t>
                </a:r>
                <a:r>
                  <a:rPr lang="da-DK" sz="1050" baseline="0" dirty="0"/>
                  <a:t> i 1000 timer</a:t>
                </a:r>
                <a:endParaRPr lang="da-DK" sz="1050" dirty="0"/>
              </a:p>
            </c:rich>
          </c:tx>
          <c:layout>
            <c:manualLayout>
              <c:xMode val="edge"/>
              <c:yMode val="edge"/>
              <c:x val="1.6383850204798128E-2"/>
              <c:y val="0.30141334801123792"/>
            </c:manualLayout>
          </c:layout>
          <c:overlay val="0"/>
          <c:spPr>
            <a:noFill/>
            <a:ln>
              <a:noFill/>
            </a:ln>
            <a:effectLst/>
          </c:spPr>
          <c:txPr>
            <a:bodyPr rot="-540000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endParaRPr lang="da-DK"/>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108426400"/>
        <c:crosses val="autoZero"/>
        <c:crossBetween val="between"/>
      </c:valAx>
      <c:valAx>
        <c:axId val="1108424600"/>
        <c:scaling>
          <c:orientation val="minMax"/>
        </c:scaling>
        <c:delete val="0"/>
        <c:axPos val="r"/>
        <c:title>
          <c:tx>
            <c:rich>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da-DK" sz="1100" dirty="0"/>
                  <a:t>Persontransportarbejde</a:t>
                </a:r>
                <a:r>
                  <a:rPr lang="da-DK" sz="1100" baseline="0" dirty="0"/>
                  <a:t> i mio. km</a:t>
                </a:r>
                <a:endParaRPr lang="da-DK" sz="1100" dirty="0"/>
              </a:p>
            </c:rich>
          </c:tx>
          <c:layout>
            <c:manualLayout>
              <c:xMode val="edge"/>
              <c:yMode val="edge"/>
              <c:x val="0.94569923932124045"/>
              <c:y val="0.2316024556964241"/>
            </c:manualLayout>
          </c:layout>
          <c:overlay val="0"/>
          <c:spPr>
            <a:noFill/>
            <a:ln>
              <a:noFill/>
            </a:ln>
            <a:effectLst/>
          </c:spPr>
          <c:txPr>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da-DK"/>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068840152"/>
        <c:crosses val="max"/>
        <c:crossBetween val="between"/>
      </c:valAx>
      <c:catAx>
        <c:axId val="1068840152"/>
        <c:scaling>
          <c:orientation val="minMax"/>
        </c:scaling>
        <c:delete val="1"/>
        <c:axPos val="b"/>
        <c:majorTickMark val="none"/>
        <c:minorTickMark val="none"/>
        <c:tickLblPos val="nextTo"/>
        <c:crossAx val="1108424600"/>
        <c:crosses val="autoZero"/>
        <c:auto val="1"/>
        <c:lblAlgn val="ctr"/>
        <c:lblOffset val="100"/>
        <c:noMultiLvlLbl val="0"/>
      </c:catAx>
      <c:spPr>
        <a:noFill/>
        <a:ln>
          <a:noFill/>
        </a:ln>
        <a:effectLst/>
      </c:spPr>
    </c:plotArea>
    <c:legend>
      <c:legendPos val="b"/>
      <c:legendEntry>
        <c:idx val="0"/>
        <c:delete val="1"/>
      </c:legendEntry>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da-DK"/>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15">
  <cs:axisTitle>
    <cs:lnRef idx="0"/>
    <cs:fillRef idx="0"/>
    <cs:effectRef idx="0"/>
    <cs:fontRef idx="minor">
      <a:schemeClr val="tx1">
        <a:lumMod val="65000"/>
        <a:lumOff val="35000"/>
      </a:schemeClr>
    </cs:fontRef>
    <cs:defRPr sz="900" kern="1200" cap="all"/>
  </cs:axisTitle>
  <cs:categoryAxis>
    <cs:lnRef idx="0"/>
    <cs:fillRef idx="0"/>
    <cs:effectRef idx="0"/>
    <cs:fontRef idx="minor">
      <a:schemeClr val="tx1">
        <a:lumMod val="65000"/>
        <a:lumOff val="35000"/>
      </a:schemeClr>
    </cs:fontRef>
    <cs:spPr>
      <a:ln w="15875" cap="flat" cmpd="sng" algn="ctr">
        <a:solidFill>
          <a:schemeClr val="tx1">
            <a:lumMod val="25000"/>
            <a:lumOff val="75000"/>
          </a:schemeClr>
        </a:solidFill>
        <a:round/>
      </a:ln>
    </cs:spPr>
    <cs:defRPr sz="900" kern="1200" cap="none" spc="20" normalizeH="0" baseline="0"/>
  </cs:categoryAxis>
  <cs:chartArea mods="allowNoFillOverride allowNoLineOverride">
    <cs:lnRef idx="0"/>
    <cs:fillRef idx="0"/>
    <cs:effectRef idx="0"/>
    <cs:fontRef idx="minor">
      <a:schemeClr val="dk1"/>
    </cs:fontRef>
    <cs:spPr>
      <a:solidFill>
        <a:schemeClr val="lt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bg1"/>
    </cs:fontRef>
    <cs:spPr>
      <a:solidFill>
        <a:schemeClr val="tx1">
          <a:lumMod val="50000"/>
          <a:lumOff val="50000"/>
        </a:schemeClr>
      </a:solidFill>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alpha val="70000"/>
        </a:schemeClr>
      </a:solidFill>
    </cs:spPr>
  </cs:dataPoint>
  <cs:dataPoint3D>
    <cs:lnRef idx="0"/>
    <cs:fillRef idx="0">
      <cs:styleClr val="auto"/>
    </cs:fillRef>
    <cs:effectRef idx="0"/>
    <cs:fontRef idx="minor">
      <a:schemeClr val="dk1"/>
    </cs:fontRef>
    <cs:spPr>
      <a:solidFill>
        <a:schemeClr val="phClr">
          <a:alpha val="70000"/>
        </a:schemeClr>
      </a:solidFill>
    </cs:spPr>
  </cs:dataPoint3D>
  <cs:dataPointLine>
    <cs:lnRef idx="0">
      <cs:styleClr val="auto"/>
    </cs:lnRef>
    <cs:fillRef idx="0"/>
    <cs:effectRef idx="0"/>
    <cs:fontRef idx="minor">
      <a:schemeClr val="dk1"/>
    </cs:fontRef>
    <cs:spPr>
      <a:ln w="28575" cap="rnd">
        <a:solidFill>
          <a:schemeClr val="phClr">
            <a:alpha val="70000"/>
          </a:schemeClr>
        </a:solidFill>
        <a:round/>
      </a:ln>
    </cs:spPr>
  </cs:dataPointLine>
  <cs:dataPointMarker>
    <cs:lnRef idx="0"/>
    <cs:fillRef idx="0">
      <cs:styleClr val="auto"/>
    </cs:fillRef>
    <cs:effectRef idx="0"/>
    <cs:fontRef idx="minor">
      <a:schemeClr val="dk1"/>
    </cs:fontRef>
    <cs:spPr>
      <a:solidFill>
        <a:schemeClr val="phClr">
          <a:alpha val="70000"/>
        </a:schemeClr>
      </a:solidFill>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75000"/>
          <a:lumOff val="25000"/>
        </a:schemeClr>
      </a:solidFill>
      <a:ln w="9525">
        <a:solidFill>
          <a:schemeClr val="tx1">
            <a:lumMod val="65000"/>
            <a:lumOff val="35000"/>
          </a:schemeClr>
        </a:solidFill>
      </a:ln>
    </cs:spPr>
  </cs:downBar>
  <cs:dropLine>
    <cs:lnRef idx="0"/>
    <cs:fillRef idx="0"/>
    <cs:effectRef idx="0"/>
    <cs:fontRef idx="minor">
      <a:schemeClr val="dk1"/>
    </cs:fontRef>
    <cs:spPr>
      <a:ln w="9525">
        <a:solidFill>
          <a:schemeClr val="tx1">
            <a:lumMod val="35000"/>
            <a:lumOff val="65000"/>
          </a:schemeClr>
        </a:solidFill>
        <a:round/>
      </a:ln>
    </cs:spPr>
  </cs:dropLine>
  <cs:errorBar>
    <cs:lnRef idx="0"/>
    <cs:fillRef idx="0"/>
    <cs:effectRef idx="0"/>
    <cs:fontRef idx="minor">
      <a:schemeClr val="dk1"/>
    </cs:fontRef>
    <cs:spPr>
      <a:ln w="9525">
        <a:solidFill>
          <a:schemeClr val="tx1">
            <a:lumMod val="65000"/>
            <a:lumOff val="35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w="9525" cap="flat" cmpd="sng" algn="ctr">
        <a:solidFill>
          <a:schemeClr val="tx1">
            <a:lumMod val="5000"/>
            <a:lumOff val="95000"/>
          </a:schemeClr>
        </a:solidFill>
        <a:round/>
      </a:ln>
    </cs:spPr>
  </cs:gridlineMajor>
  <cs:gridlineMinor>
    <cs:lnRef idx="0"/>
    <cs:fillRef idx="0"/>
    <cs:effectRef idx="0"/>
    <cs:fontRef idx="minor">
      <a:schemeClr val="dk1"/>
    </cs:fontRef>
    <cs:spPr>
      <a:ln>
        <a:solidFill>
          <a:schemeClr val="tx1">
            <a:lumMod val="5000"/>
            <a:lumOff val="95000"/>
          </a:schemeClr>
        </a:solidFill>
      </a:ln>
    </cs:spPr>
  </cs:gridlineMinor>
  <cs:hiLoLine>
    <cs:lnRef idx="0"/>
    <cs:fillRef idx="0"/>
    <cs:effectRef idx="0"/>
    <cs:fontRef idx="minor">
      <a:schemeClr val="dk1"/>
    </cs:fontRef>
    <cs:spPr>
      <a:ln w="9525">
        <a:solidFill>
          <a:schemeClr val="tx1">
            <a:lumMod val="35000"/>
            <a:lumOff val="65000"/>
          </a:schemeClr>
        </a:solidFill>
        <a:round/>
      </a:ln>
    </cs:spPr>
  </cs:hiLoLine>
  <cs:leaderLine>
    <cs:lnRef idx="0"/>
    <cs:fillRef idx="0"/>
    <cs:effectRef idx="0"/>
    <cs:fontRef idx="minor">
      <a:schemeClr val="dk1"/>
    </cs:fontRef>
    <cs:spPr>
      <a:ln w="9525">
        <a:solidFill>
          <a:schemeClr val="tx1">
            <a:lumMod val="35000"/>
            <a:lumOff val="65000"/>
          </a:schemeClr>
        </a:solidFill>
      </a:ln>
    </cs:spPr>
  </cs:leaderLine>
  <cs:legend>
    <cs:lnRef idx="0"/>
    <cs:fillRef idx="0"/>
    <cs:effectRef idx="0"/>
    <cs:fontRef idx="minor">
      <a:schemeClr val="tx1">
        <a:lumMod val="65000"/>
        <a:lumOff val="35000"/>
      </a:schemeClr>
    </cs:fontRef>
    <cs:defRPr sz="900" kern="1200" baseline="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dk1"/>
    </cs:fontRef>
    <cs:spPr>
      <a:ln w="9525">
        <a:solidFill>
          <a:schemeClr val="tx1">
            <a:lumMod val="35000"/>
            <a:lumOff val="65000"/>
          </a:schemeClr>
        </a:solidFill>
        <a:round/>
      </a:ln>
    </cs:spPr>
  </cs:seriesLine>
  <cs:title>
    <cs:lnRef idx="0"/>
    <cs:fillRef idx="0"/>
    <cs:effectRef idx="0"/>
    <cs:fontRef idx="major">
      <a:schemeClr val="tx1">
        <a:lumMod val="65000"/>
        <a:lumOff val="35000"/>
      </a:schemeClr>
    </cs:fontRef>
    <cs:defRPr sz="1600" b="0" i="0" kern="1200" cap="none" spc="50" normalizeH="0" baseline="0"/>
  </cs:title>
  <cs:trendline>
    <cs:lnRef idx="0">
      <cs:styleClr val="auto"/>
    </cs:lnRef>
    <cs:fillRef idx="0"/>
    <cs:effectRef idx="0"/>
    <cs:fontRef idx="minor">
      <a:schemeClr val="dk1"/>
    </cs:fontRef>
    <cs:spPr>
      <a:ln w="15875" cap="rnd">
        <a:solidFill>
          <a:schemeClr val="phClr"/>
        </a:solidFill>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65000"/>
            <a:lumOff val="35000"/>
          </a:schemeClr>
        </a:solidFill>
      </a:ln>
    </cs:spPr>
  </cs:upBar>
  <cs:valueAxis>
    <cs:lnRef idx="0"/>
    <cs:fillRef idx="0"/>
    <cs:effectRef idx="0"/>
    <cs:fontRef idx="minor">
      <a:schemeClr val="tx1">
        <a:lumMod val="65000"/>
        <a:lumOff val="35000"/>
      </a:schemeClr>
    </cs:fontRef>
    <cs:defRPr sz="900" kern="1200" spc="20" baseline="0"/>
  </cs:valueAxis>
  <cs:wall>
    <cs:lnRef idx="0"/>
    <cs:fillRef idx="0"/>
    <cs:effectRef idx="0"/>
    <cs:fontRef idx="minor">
      <a:schemeClr val="dk1"/>
    </cs:fontRef>
  </cs:wall>
</cs:chartStyle>
</file>

<file path=ppt/charts/style2.xml><?xml version="1.0" encoding="utf-8"?>
<cs:chartStyle xmlns:cs="http://schemas.microsoft.com/office/drawing/2012/chartStyle" xmlns:a="http://schemas.openxmlformats.org/drawingml/2006/main" id="322">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iagrams/_rels/data1.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image" Target="../media/image34.svg"/><Relationship Id="rId1" Type="http://schemas.openxmlformats.org/officeDocument/2006/relationships/image" Target="../media/image33.png"/><Relationship Id="rId6" Type="http://schemas.openxmlformats.org/officeDocument/2006/relationships/image" Target="../media/image38.svg"/><Relationship Id="rId5" Type="http://schemas.openxmlformats.org/officeDocument/2006/relationships/image" Target="../media/image37.png"/><Relationship Id="rId4" Type="http://schemas.openxmlformats.org/officeDocument/2006/relationships/image" Target="../media/image36.svg"/></Relationships>
</file>

<file path=ppt/diagrams/_rels/drawing1.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image" Target="../media/image34.svg"/><Relationship Id="rId1" Type="http://schemas.openxmlformats.org/officeDocument/2006/relationships/image" Target="../media/image33.png"/><Relationship Id="rId6" Type="http://schemas.openxmlformats.org/officeDocument/2006/relationships/image" Target="../media/image38.svg"/><Relationship Id="rId5" Type="http://schemas.openxmlformats.org/officeDocument/2006/relationships/image" Target="../media/image37.png"/><Relationship Id="rId4" Type="http://schemas.openxmlformats.org/officeDocument/2006/relationships/image" Target="../media/image36.sv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BCB139E-82AE-48BD-8947-B5249B800F72}"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37FFF727-A30E-4F70-9FB0-9A52743F051A}">
      <dgm:prSet/>
      <dgm:spPr/>
      <dgm:t>
        <a:bodyPr/>
        <a:lstStyle/>
        <a:p>
          <a:r>
            <a:rPr lang="da-DK" dirty="0"/>
            <a:t>Involver arbejdspladser, foreninger, forretninger, uddannelsesinstitutioner og andre i lokalområdet i arbejdet med nye hubs. Kan der skabes enighed om målet?</a:t>
          </a:r>
          <a:endParaRPr lang="en-US" dirty="0"/>
        </a:p>
      </dgm:t>
    </dgm:pt>
    <dgm:pt modelId="{FE8C85E0-681F-42AB-86DE-FE2855A93D52}" type="parTrans" cxnId="{EC0B3510-1A6D-49B7-B442-91FE8F00A037}">
      <dgm:prSet/>
      <dgm:spPr/>
      <dgm:t>
        <a:bodyPr/>
        <a:lstStyle/>
        <a:p>
          <a:endParaRPr lang="en-US"/>
        </a:p>
      </dgm:t>
    </dgm:pt>
    <dgm:pt modelId="{302D31B0-F391-417D-ABE3-319EFB731187}" type="sibTrans" cxnId="{EC0B3510-1A6D-49B7-B442-91FE8F00A037}">
      <dgm:prSet/>
      <dgm:spPr/>
      <dgm:t>
        <a:bodyPr/>
        <a:lstStyle/>
        <a:p>
          <a:endParaRPr lang="en-US"/>
        </a:p>
      </dgm:t>
    </dgm:pt>
    <dgm:pt modelId="{D94ECC0E-B274-4362-9BB0-FED9FA13193B}">
      <dgm:prSet/>
      <dgm:spPr/>
      <dgm:t>
        <a:bodyPr/>
        <a:lstStyle/>
        <a:p>
          <a:r>
            <a:rPr lang="da-DK" dirty="0"/>
            <a:t>Det tager tid at udvikle velfungerende hubs og det tager tid for borgerne at tage dem til sig og ændre transportvaner. Derfor er det nødvendigt med vedholdende politisk fokus over mange år. </a:t>
          </a:r>
          <a:endParaRPr lang="en-US" dirty="0"/>
        </a:p>
      </dgm:t>
    </dgm:pt>
    <dgm:pt modelId="{C4F67A8A-B928-48FA-8812-14E8015B947F}" type="parTrans" cxnId="{EB1AFD48-7801-47E3-A844-295AB944F8A4}">
      <dgm:prSet/>
      <dgm:spPr/>
      <dgm:t>
        <a:bodyPr/>
        <a:lstStyle/>
        <a:p>
          <a:endParaRPr lang="en-US"/>
        </a:p>
      </dgm:t>
    </dgm:pt>
    <dgm:pt modelId="{C34D6424-B81C-445A-B5C9-F6769ABAF610}" type="sibTrans" cxnId="{EB1AFD48-7801-47E3-A844-295AB944F8A4}">
      <dgm:prSet/>
      <dgm:spPr/>
      <dgm:t>
        <a:bodyPr/>
        <a:lstStyle/>
        <a:p>
          <a:endParaRPr lang="en-US"/>
        </a:p>
      </dgm:t>
    </dgm:pt>
    <dgm:pt modelId="{8E070893-6C45-4885-B76E-0E9A841661E2}">
      <dgm:prSet/>
      <dgm:spPr/>
      <dgm:t>
        <a:bodyPr/>
        <a:lstStyle/>
        <a:p>
          <a:r>
            <a:rPr lang="da-DK" dirty="0"/>
            <a:t>Løsningerne er ikke generiske, men skal altid tilpasses de lokale forhold. Det er stadig nødvendigt med genkendelighed, så man ved hvad man kommer til. Og ”genbrug” gerne det kommunikative udtryk på tværs af trafikselskaber.  </a:t>
          </a:r>
          <a:endParaRPr lang="en-US" dirty="0"/>
        </a:p>
      </dgm:t>
    </dgm:pt>
    <dgm:pt modelId="{491E3FBA-DFA3-49D9-BCA3-5764628E8794}" type="parTrans" cxnId="{C66BC845-8E9B-4E94-A464-8FB2D043EEAE}">
      <dgm:prSet/>
      <dgm:spPr/>
      <dgm:t>
        <a:bodyPr/>
        <a:lstStyle/>
        <a:p>
          <a:endParaRPr lang="en-US"/>
        </a:p>
      </dgm:t>
    </dgm:pt>
    <dgm:pt modelId="{3C2F2637-0B64-4348-B727-358F83ADCAB9}" type="sibTrans" cxnId="{C66BC845-8E9B-4E94-A464-8FB2D043EEAE}">
      <dgm:prSet/>
      <dgm:spPr/>
      <dgm:t>
        <a:bodyPr/>
        <a:lstStyle/>
        <a:p>
          <a:endParaRPr lang="en-US"/>
        </a:p>
      </dgm:t>
    </dgm:pt>
    <dgm:pt modelId="{027D4673-16F6-4161-AC54-18E8416F1CD9}" type="pres">
      <dgm:prSet presAssocID="{2BCB139E-82AE-48BD-8947-B5249B800F72}" presName="root" presStyleCnt="0">
        <dgm:presLayoutVars>
          <dgm:dir/>
          <dgm:resizeHandles val="exact"/>
        </dgm:presLayoutVars>
      </dgm:prSet>
      <dgm:spPr/>
    </dgm:pt>
    <dgm:pt modelId="{17CE1957-7637-4A4D-9CDA-DABF1E28EEF0}" type="pres">
      <dgm:prSet presAssocID="{37FFF727-A30E-4F70-9FB0-9A52743F051A}" presName="compNode" presStyleCnt="0"/>
      <dgm:spPr/>
    </dgm:pt>
    <dgm:pt modelId="{4C9D4681-17BD-4BF6-9A7F-82579D53FEF9}" type="pres">
      <dgm:prSet presAssocID="{37FFF727-A30E-4F70-9FB0-9A52743F051A}" presName="bgRect" presStyleLbl="bgShp" presStyleIdx="0" presStyleCnt="3"/>
      <dgm:spPr/>
    </dgm:pt>
    <dgm:pt modelId="{5AE80525-411F-426A-9776-09CA8736B159}" type="pres">
      <dgm:prSet presAssocID="{37FFF727-A30E-4F70-9FB0-9A52743F051A}"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Kiosk"/>
        </a:ext>
      </dgm:extLst>
    </dgm:pt>
    <dgm:pt modelId="{F8BB90E5-9285-4226-B2C0-A1EC19DC4789}" type="pres">
      <dgm:prSet presAssocID="{37FFF727-A30E-4F70-9FB0-9A52743F051A}" presName="spaceRect" presStyleCnt="0"/>
      <dgm:spPr/>
    </dgm:pt>
    <dgm:pt modelId="{02D1FC2F-2773-4284-A59E-12A73ADDEDD5}" type="pres">
      <dgm:prSet presAssocID="{37FFF727-A30E-4F70-9FB0-9A52743F051A}" presName="parTx" presStyleLbl="revTx" presStyleIdx="0" presStyleCnt="3">
        <dgm:presLayoutVars>
          <dgm:chMax val="0"/>
          <dgm:chPref val="0"/>
        </dgm:presLayoutVars>
      </dgm:prSet>
      <dgm:spPr/>
    </dgm:pt>
    <dgm:pt modelId="{DDE969E6-7CB5-4460-9A3E-D18601E5C2D3}" type="pres">
      <dgm:prSet presAssocID="{302D31B0-F391-417D-ABE3-319EFB731187}" presName="sibTrans" presStyleCnt="0"/>
      <dgm:spPr/>
    </dgm:pt>
    <dgm:pt modelId="{B0F2AF6E-B9EA-49DE-AE47-2F34B3AD9CB3}" type="pres">
      <dgm:prSet presAssocID="{D94ECC0E-B274-4362-9BB0-FED9FA13193B}" presName="compNode" presStyleCnt="0"/>
      <dgm:spPr/>
    </dgm:pt>
    <dgm:pt modelId="{BEEC5CA7-C68A-4E6E-9EAF-3B678B32892D}" type="pres">
      <dgm:prSet presAssocID="{D94ECC0E-B274-4362-9BB0-FED9FA13193B}" presName="bgRect" presStyleLbl="bgShp" presStyleIdx="1" presStyleCnt="3"/>
      <dgm:spPr/>
    </dgm:pt>
    <dgm:pt modelId="{252A02B8-55DE-4EA3-9F6E-1CCFE78F3BD7}" type="pres">
      <dgm:prSet presAssocID="{D94ECC0E-B274-4362-9BB0-FED9FA13193B}"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User Network"/>
        </a:ext>
      </dgm:extLst>
    </dgm:pt>
    <dgm:pt modelId="{CCA33AA6-BD22-4FF3-84AE-CB9E793C4C5E}" type="pres">
      <dgm:prSet presAssocID="{D94ECC0E-B274-4362-9BB0-FED9FA13193B}" presName="spaceRect" presStyleCnt="0"/>
      <dgm:spPr/>
    </dgm:pt>
    <dgm:pt modelId="{4D503106-60B6-4370-BDB4-74D4CC669072}" type="pres">
      <dgm:prSet presAssocID="{D94ECC0E-B274-4362-9BB0-FED9FA13193B}" presName="parTx" presStyleLbl="revTx" presStyleIdx="1" presStyleCnt="3">
        <dgm:presLayoutVars>
          <dgm:chMax val="0"/>
          <dgm:chPref val="0"/>
        </dgm:presLayoutVars>
      </dgm:prSet>
      <dgm:spPr/>
    </dgm:pt>
    <dgm:pt modelId="{69E9A269-E267-44C0-B9EA-E1BB650224F2}" type="pres">
      <dgm:prSet presAssocID="{C34D6424-B81C-445A-B5C9-F6769ABAF610}" presName="sibTrans" presStyleCnt="0"/>
      <dgm:spPr/>
    </dgm:pt>
    <dgm:pt modelId="{33A25FF4-A9EF-41B7-A3B0-0342224665F6}" type="pres">
      <dgm:prSet presAssocID="{8E070893-6C45-4885-B76E-0E9A841661E2}" presName="compNode" presStyleCnt="0"/>
      <dgm:spPr/>
    </dgm:pt>
    <dgm:pt modelId="{63C6EBD9-4FA0-4B62-964E-44C834EE772A}" type="pres">
      <dgm:prSet presAssocID="{8E070893-6C45-4885-B76E-0E9A841661E2}" presName="bgRect" presStyleLbl="bgShp" presStyleIdx="2" presStyleCnt="3"/>
      <dgm:spPr/>
    </dgm:pt>
    <dgm:pt modelId="{FCB34029-4AED-4A5A-BBC1-92A5CE5EA6F5}" type="pres">
      <dgm:prSet presAssocID="{8E070893-6C45-4885-B76E-0E9A841661E2}"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Connections"/>
        </a:ext>
      </dgm:extLst>
    </dgm:pt>
    <dgm:pt modelId="{B4E4B196-0462-4854-8441-77AA1D6423E5}" type="pres">
      <dgm:prSet presAssocID="{8E070893-6C45-4885-B76E-0E9A841661E2}" presName="spaceRect" presStyleCnt="0"/>
      <dgm:spPr/>
    </dgm:pt>
    <dgm:pt modelId="{9A038D3D-1E7A-4736-8672-47667F5BA306}" type="pres">
      <dgm:prSet presAssocID="{8E070893-6C45-4885-B76E-0E9A841661E2}" presName="parTx" presStyleLbl="revTx" presStyleIdx="2" presStyleCnt="3">
        <dgm:presLayoutVars>
          <dgm:chMax val="0"/>
          <dgm:chPref val="0"/>
        </dgm:presLayoutVars>
      </dgm:prSet>
      <dgm:spPr/>
    </dgm:pt>
  </dgm:ptLst>
  <dgm:cxnLst>
    <dgm:cxn modelId="{EC0B3510-1A6D-49B7-B442-91FE8F00A037}" srcId="{2BCB139E-82AE-48BD-8947-B5249B800F72}" destId="{37FFF727-A30E-4F70-9FB0-9A52743F051A}" srcOrd="0" destOrd="0" parTransId="{FE8C85E0-681F-42AB-86DE-FE2855A93D52}" sibTransId="{302D31B0-F391-417D-ABE3-319EFB731187}"/>
    <dgm:cxn modelId="{C1853415-9C81-4C74-8F3C-FC32E8B5CD79}" type="presOf" srcId="{8E070893-6C45-4885-B76E-0E9A841661E2}" destId="{9A038D3D-1E7A-4736-8672-47667F5BA306}" srcOrd="0" destOrd="0" presId="urn:microsoft.com/office/officeart/2018/2/layout/IconVerticalSolidList"/>
    <dgm:cxn modelId="{E58E6626-ED6E-428D-8A54-42FD3D018D77}" type="presOf" srcId="{2BCB139E-82AE-48BD-8947-B5249B800F72}" destId="{027D4673-16F6-4161-AC54-18E8416F1CD9}" srcOrd="0" destOrd="0" presId="urn:microsoft.com/office/officeart/2018/2/layout/IconVerticalSolidList"/>
    <dgm:cxn modelId="{3AC09442-46F8-4A41-A8C9-E36D79145F79}" type="presOf" srcId="{D94ECC0E-B274-4362-9BB0-FED9FA13193B}" destId="{4D503106-60B6-4370-BDB4-74D4CC669072}" srcOrd="0" destOrd="0" presId="urn:microsoft.com/office/officeart/2018/2/layout/IconVerticalSolidList"/>
    <dgm:cxn modelId="{C66BC845-8E9B-4E94-A464-8FB2D043EEAE}" srcId="{2BCB139E-82AE-48BD-8947-B5249B800F72}" destId="{8E070893-6C45-4885-B76E-0E9A841661E2}" srcOrd="2" destOrd="0" parTransId="{491E3FBA-DFA3-49D9-BCA3-5764628E8794}" sibTransId="{3C2F2637-0B64-4348-B727-358F83ADCAB9}"/>
    <dgm:cxn modelId="{EB1AFD48-7801-47E3-A844-295AB944F8A4}" srcId="{2BCB139E-82AE-48BD-8947-B5249B800F72}" destId="{D94ECC0E-B274-4362-9BB0-FED9FA13193B}" srcOrd="1" destOrd="0" parTransId="{C4F67A8A-B928-48FA-8812-14E8015B947F}" sibTransId="{C34D6424-B81C-445A-B5C9-F6769ABAF610}"/>
    <dgm:cxn modelId="{1F61BBC1-C830-4A8B-8ED2-9E6E46838F13}" type="presOf" srcId="{37FFF727-A30E-4F70-9FB0-9A52743F051A}" destId="{02D1FC2F-2773-4284-A59E-12A73ADDEDD5}" srcOrd="0" destOrd="0" presId="urn:microsoft.com/office/officeart/2018/2/layout/IconVerticalSolidList"/>
    <dgm:cxn modelId="{50BD6147-686B-4D5E-8069-4ECEFA3D3E42}" type="presParOf" srcId="{027D4673-16F6-4161-AC54-18E8416F1CD9}" destId="{17CE1957-7637-4A4D-9CDA-DABF1E28EEF0}" srcOrd="0" destOrd="0" presId="urn:microsoft.com/office/officeart/2018/2/layout/IconVerticalSolidList"/>
    <dgm:cxn modelId="{222CF8F4-6732-4098-AC7B-33951B2842DF}" type="presParOf" srcId="{17CE1957-7637-4A4D-9CDA-DABF1E28EEF0}" destId="{4C9D4681-17BD-4BF6-9A7F-82579D53FEF9}" srcOrd="0" destOrd="0" presId="urn:microsoft.com/office/officeart/2018/2/layout/IconVerticalSolidList"/>
    <dgm:cxn modelId="{12F0B79E-85BC-43F7-81CC-6965F38EDB1D}" type="presParOf" srcId="{17CE1957-7637-4A4D-9CDA-DABF1E28EEF0}" destId="{5AE80525-411F-426A-9776-09CA8736B159}" srcOrd="1" destOrd="0" presId="urn:microsoft.com/office/officeart/2018/2/layout/IconVerticalSolidList"/>
    <dgm:cxn modelId="{A64CEB0B-8C74-41A4-A64E-A22A68F41F52}" type="presParOf" srcId="{17CE1957-7637-4A4D-9CDA-DABF1E28EEF0}" destId="{F8BB90E5-9285-4226-B2C0-A1EC19DC4789}" srcOrd="2" destOrd="0" presId="urn:microsoft.com/office/officeart/2018/2/layout/IconVerticalSolidList"/>
    <dgm:cxn modelId="{E5460A39-7B03-436C-B331-55ED4A9CA6B7}" type="presParOf" srcId="{17CE1957-7637-4A4D-9CDA-DABF1E28EEF0}" destId="{02D1FC2F-2773-4284-A59E-12A73ADDEDD5}" srcOrd="3" destOrd="0" presId="urn:microsoft.com/office/officeart/2018/2/layout/IconVerticalSolidList"/>
    <dgm:cxn modelId="{F401BC97-6E41-4D45-AF88-8F7DA7EE94FF}" type="presParOf" srcId="{027D4673-16F6-4161-AC54-18E8416F1CD9}" destId="{DDE969E6-7CB5-4460-9A3E-D18601E5C2D3}" srcOrd="1" destOrd="0" presId="urn:microsoft.com/office/officeart/2018/2/layout/IconVerticalSolidList"/>
    <dgm:cxn modelId="{AF086E4F-A2C0-4427-9539-C0CC249375A1}" type="presParOf" srcId="{027D4673-16F6-4161-AC54-18E8416F1CD9}" destId="{B0F2AF6E-B9EA-49DE-AE47-2F34B3AD9CB3}" srcOrd="2" destOrd="0" presId="urn:microsoft.com/office/officeart/2018/2/layout/IconVerticalSolidList"/>
    <dgm:cxn modelId="{09299C3A-EFD8-4A46-A42B-23ED4D7CA9FB}" type="presParOf" srcId="{B0F2AF6E-B9EA-49DE-AE47-2F34B3AD9CB3}" destId="{BEEC5CA7-C68A-4E6E-9EAF-3B678B32892D}" srcOrd="0" destOrd="0" presId="urn:microsoft.com/office/officeart/2018/2/layout/IconVerticalSolidList"/>
    <dgm:cxn modelId="{E8C1867F-25C8-4A35-9649-9B2B193B3D0A}" type="presParOf" srcId="{B0F2AF6E-B9EA-49DE-AE47-2F34B3AD9CB3}" destId="{252A02B8-55DE-4EA3-9F6E-1CCFE78F3BD7}" srcOrd="1" destOrd="0" presId="urn:microsoft.com/office/officeart/2018/2/layout/IconVerticalSolidList"/>
    <dgm:cxn modelId="{6C20ECB6-C5B2-4D15-88E8-2F27C83863AA}" type="presParOf" srcId="{B0F2AF6E-B9EA-49DE-AE47-2F34B3AD9CB3}" destId="{CCA33AA6-BD22-4FF3-84AE-CB9E793C4C5E}" srcOrd="2" destOrd="0" presId="urn:microsoft.com/office/officeart/2018/2/layout/IconVerticalSolidList"/>
    <dgm:cxn modelId="{39161C26-4BE5-45B7-95E3-63177EC3CC3F}" type="presParOf" srcId="{B0F2AF6E-B9EA-49DE-AE47-2F34B3AD9CB3}" destId="{4D503106-60B6-4370-BDB4-74D4CC669072}" srcOrd="3" destOrd="0" presId="urn:microsoft.com/office/officeart/2018/2/layout/IconVerticalSolidList"/>
    <dgm:cxn modelId="{CB588E9E-3FE5-40C9-95BD-12BAF1195324}" type="presParOf" srcId="{027D4673-16F6-4161-AC54-18E8416F1CD9}" destId="{69E9A269-E267-44C0-B9EA-E1BB650224F2}" srcOrd="3" destOrd="0" presId="urn:microsoft.com/office/officeart/2018/2/layout/IconVerticalSolidList"/>
    <dgm:cxn modelId="{D5E2602A-5158-4B94-A488-83113F4313E8}" type="presParOf" srcId="{027D4673-16F6-4161-AC54-18E8416F1CD9}" destId="{33A25FF4-A9EF-41B7-A3B0-0342224665F6}" srcOrd="4" destOrd="0" presId="urn:microsoft.com/office/officeart/2018/2/layout/IconVerticalSolidList"/>
    <dgm:cxn modelId="{0E843B59-8368-47F3-ADCA-35005870A260}" type="presParOf" srcId="{33A25FF4-A9EF-41B7-A3B0-0342224665F6}" destId="{63C6EBD9-4FA0-4B62-964E-44C834EE772A}" srcOrd="0" destOrd="0" presId="urn:microsoft.com/office/officeart/2018/2/layout/IconVerticalSolidList"/>
    <dgm:cxn modelId="{232225A9-9B08-43EB-9410-A51285C5D416}" type="presParOf" srcId="{33A25FF4-A9EF-41B7-A3B0-0342224665F6}" destId="{FCB34029-4AED-4A5A-BBC1-92A5CE5EA6F5}" srcOrd="1" destOrd="0" presId="urn:microsoft.com/office/officeart/2018/2/layout/IconVerticalSolidList"/>
    <dgm:cxn modelId="{6E4B6982-DB11-4965-A5FE-3F5B4CDF163F}" type="presParOf" srcId="{33A25FF4-A9EF-41B7-A3B0-0342224665F6}" destId="{B4E4B196-0462-4854-8441-77AA1D6423E5}" srcOrd="2" destOrd="0" presId="urn:microsoft.com/office/officeart/2018/2/layout/IconVerticalSolidList"/>
    <dgm:cxn modelId="{C9BBE2F9-9A4F-4650-A040-CB9817F8A4F9}" type="presParOf" srcId="{33A25FF4-A9EF-41B7-A3B0-0342224665F6}" destId="{9A038D3D-1E7A-4736-8672-47667F5BA306}"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C9D4681-17BD-4BF6-9A7F-82579D53FEF9}">
      <dsp:nvSpPr>
        <dsp:cNvPr id="0" name=""/>
        <dsp:cNvSpPr/>
      </dsp:nvSpPr>
      <dsp:spPr>
        <a:xfrm>
          <a:off x="0" y="457"/>
          <a:ext cx="10894713" cy="1070481"/>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AE80525-411F-426A-9776-09CA8736B159}">
      <dsp:nvSpPr>
        <dsp:cNvPr id="0" name=""/>
        <dsp:cNvSpPr/>
      </dsp:nvSpPr>
      <dsp:spPr>
        <a:xfrm>
          <a:off x="323820" y="241315"/>
          <a:ext cx="588764" cy="588764"/>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02D1FC2F-2773-4284-A59E-12A73ADDEDD5}">
      <dsp:nvSpPr>
        <dsp:cNvPr id="0" name=""/>
        <dsp:cNvSpPr/>
      </dsp:nvSpPr>
      <dsp:spPr>
        <a:xfrm>
          <a:off x="1236406" y="457"/>
          <a:ext cx="9658306" cy="10704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3293" tIns="113293" rIns="113293" bIns="113293" numCol="1" spcCol="1270" anchor="ctr" anchorCtr="0">
          <a:noAutofit/>
        </a:bodyPr>
        <a:lstStyle/>
        <a:p>
          <a:pPr marL="0" lvl="0" indent="0" algn="l" defTabSz="889000">
            <a:lnSpc>
              <a:spcPct val="90000"/>
            </a:lnSpc>
            <a:spcBef>
              <a:spcPct val="0"/>
            </a:spcBef>
            <a:spcAft>
              <a:spcPct val="35000"/>
            </a:spcAft>
            <a:buNone/>
          </a:pPr>
          <a:r>
            <a:rPr lang="da-DK" sz="2000" kern="1200" dirty="0"/>
            <a:t>Involver arbejdspladser, foreninger, forretninger, uddannelsesinstitutioner og andre i lokalområdet i arbejdet med nye hubs. Kan der skabes enighed om målet?</a:t>
          </a:r>
          <a:endParaRPr lang="en-US" sz="2000" kern="1200" dirty="0"/>
        </a:p>
      </dsp:txBody>
      <dsp:txXfrm>
        <a:off x="1236406" y="457"/>
        <a:ext cx="9658306" cy="1070481"/>
      </dsp:txXfrm>
    </dsp:sp>
    <dsp:sp modelId="{BEEC5CA7-C68A-4E6E-9EAF-3B678B32892D}">
      <dsp:nvSpPr>
        <dsp:cNvPr id="0" name=""/>
        <dsp:cNvSpPr/>
      </dsp:nvSpPr>
      <dsp:spPr>
        <a:xfrm>
          <a:off x="0" y="1338559"/>
          <a:ext cx="10894713" cy="1070481"/>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52A02B8-55DE-4EA3-9F6E-1CCFE78F3BD7}">
      <dsp:nvSpPr>
        <dsp:cNvPr id="0" name=""/>
        <dsp:cNvSpPr/>
      </dsp:nvSpPr>
      <dsp:spPr>
        <a:xfrm>
          <a:off x="323820" y="1579417"/>
          <a:ext cx="588764" cy="588764"/>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4D503106-60B6-4370-BDB4-74D4CC669072}">
      <dsp:nvSpPr>
        <dsp:cNvPr id="0" name=""/>
        <dsp:cNvSpPr/>
      </dsp:nvSpPr>
      <dsp:spPr>
        <a:xfrm>
          <a:off x="1236406" y="1338559"/>
          <a:ext cx="9658306" cy="10704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3293" tIns="113293" rIns="113293" bIns="113293" numCol="1" spcCol="1270" anchor="ctr" anchorCtr="0">
          <a:noAutofit/>
        </a:bodyPr>
        <a:lstStyle/>
        <a:p>
          <a:pPr marL="0" lvl="0" indent="0" algn="l" defTabSz="889000">
            <a:lnSpc>
              <a:spcPct val="90000"/>
            </a:lnSpc>
            <a:spcBef>
              <a:spcPct val="0"/>
            </a:spcBef>
            <a:spcAft>
              <a:spcPct val="35000"/>
            </a:spcAft>
            <a:buNone/>
          </a:pPr>
          <a:r>
            <a:rPr lang="da-DK" sz="2000" kern="1200" dirty="0"/>
            <a:t>Det tager tid at udvikle velfungerende hubs og det tager tid for borgerne at tage dem til sig og ændre transportvaner. Derfor er det nødvendigt med vedholdende politisk fokus over mange år. </a:t>
          </a:r>
          <a:endParaRPr lang="en-US" sz="2000" kern="1200" dirty="0"/>
        </a:p>
      </dsp:txBody>
      <dsp:txXfrm>
        <a:off x="1236406" y="1338559"/>
        <a:ext cx="9658306" cy="1070481"/>
      </dsp:txXfrm>
    </dsp:sp>
    <dsp:sp modelId="{63C6EBD9-4FA0-4B62-964E-44C834EE772A}">
      <dsp:nvSpPr>
        <dsp:cNvPr id="0" name=""/>
        <dsp:cNvSpPr/>
      </dsp:nvSpPr>
      <dsp:spPr>
        <a:xfrm>
          <a:off x="0" y="2676661"/>
          <a:ext cx="10894713" cy="1070481"/>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CB34029-4AED-4A5A-BBC1-92A5CE5EA6F5}">
      <dsp:nvSpPr>
        <dsp:cNvPr id="0" name=""/>
        <dsp:cNvSpPr/>
      </dsp:nvSpPr>
      <dsp:spPr>
        <a:xfrm>
          <a:off x="323820" y="2917519"/>
          <a:ext cx="588764" cy="588764"/>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9A038D3D-1E7A-4736-8672-47667F5BA306}">
      <dsp:nvSpPr>
        <dsp:cNvPr id="0" name=""/>
        <dsp:cNvSpPr/>
      </dsp:nvSpPr>
      <dsp:spPr>
        <a:xfrm>
          <a:off x="1236406" y="2676661"/>
          <a:ext cx="9658306" cy="10704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3293" tIns="113293" rIns="113293" bIns="113293" numCol="1" spcCol="1270" anchor="ctr" anchorCtr="0">
          <a:noAutofit/>
        </a:bodyPr>
        <a:lstStyle/>
        <a:p>
          <a:pPr marL="0" lvl="0" indent="0" algn="l" defTabSz="889000">
            <a:lnSpc>
              <a:spcPct val="90000"/>
            </a:lnSpc>
            <a:spcBef>
              <a:spcPct val="0"/>
            </a:spcBef>
            <a:spcAft>
              <a:spcPct val="35000"/>
            </a:spcAft>
            <a:buNone/>
          </a:pPr>
          <a:r>
            <a:rPr lang="da-DK" sz="2000" kern="1200" dirty="0"/>
            <a:t>Løsningerne er ikke generiske, men skal altid tilpasses de lokale forhold. Det er stadig nødvendigt med genkendelighed, så man ved hvad man kommer til. Og ”genbrug” gerne det kommunikative udtryk på tværs af trafikselskaber.  </a:t>
          </a:r>
          <a:endParaRPr lang="en-US" sz="2000" kern="1200" dirty="0"/>
        </a:p>
      </dsp:txBody>
      <dsp:txXfrm>
        <a:off x="1236406" y="2676661"/>
        <a:ext cx="9658306" cy="1070481"/>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B3FFB1A-3D03-4CAF-BD83-94BC0DD1D11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Header Placeholder 2">
            <a:extLst>
              <a:ext uri="{FF2B5EF4-FFF2-40B4-BE49-F238E27FC236}">
                <a16:creationId xmlns:a16="http://schemas.microsoft.com/office/drawing/2014/main" id="{F78585ED-E09F-4544-9D28-61960CDC78A7}"/>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4" name="Date Placeholder 3">
            <a:extLst>
              <a:ext uri="{FF2B5EF4-FFF2-40B4-BE49-F238E27FC236}">
                <a16:creationId xmlns:a16="http://schemas.microsoft.com/office/drawing/2014/main" id="{3D73BD75-AA93-4F77-AAFD-71EBF7C562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61164B1F-074D-48A1-BB89-33A0DB78E615}" type="datetime1">
              <a:rPr lang="en-GB" smtClean="0"/>
              <a:t>11/09/2024</a:t>
            </a:fld>
            <a:endParaRPr lang="en-GB"/>
          </a:p>
        </p:txBody>
      </p:sp>
      <p:sp>
        <p:nvSpPr>
          <p:cNvPr id="5" name="Slide Number Placeholder 4">
            <a:extLst>
              <a:ext uri="{FF2B5EF4-FFF2-40B4-BE49-F238E27FC236}">
                <a16:creationId xmlns:a16="http://schemas.microsoft.com/office/drawing/2014/main" id="{741FA956-9989-4246-8A28-4D201CBFBA65}"/>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871E504-7D2F-4226-9493-8292EE5D077C}" type="slidenum">
              <a:rPr lang="en-GB" smtClean="0"/>
              <a:t>‹#›</a:t>
            </a:fld>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3F185A3-66D2-4D10-89A9-2033FCB223F8}"/>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Slide Image Placeholder 2">
            <a:extLst>
              <a:ext uri="{FF2B5EF4-FFF2-40B4-BE49-F238E27FC236}">
                <a16:creationId xmlns:a16="http://schemas.microsoft.com/office/drawing/2014/main" id="{C7B05EB1-0120-43C4-9E3F-C19C6476CD70}"/>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4" name="Header Placeholder 3">
            <a:extLst>
              <a:ext uri="{FF2B5EF4-FFF2-40B4-BE49-F238E27FC236}">
                <a16:creationId xmlns:a16="http://schemas.microsoft.com/office/drawing/2014/main" id="{45E5836E-8170-4804-9800-6AE5EBBE422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5" name="Date Placeholder 4">
            <a:extLst>
              <a:ext uri="{FF2B5EF4-FFF2-40B4-BE49-F238E27FC236}">
                <a16:creationId xmlns:a16="http://schemas.microsoft.com/office/drawing/2014/main" id="{D65AB016-25EA-425F-9A59-14BC385A1D1B}"/>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B849A7D-BD89-4143-B72A-B8011BD839AD}" type="datetime1">
              <a:rPr lang="en-GB" smtClean="0"/>
              <a:t>11/09/2024</a:t>
            </a:fld>
            <a:endParaRPr lang="en-GB"/>
          </a:p>
        </p:txBody>
      </p:sp>
      <p:sp>
        <p:nvSpPr>
          <p:cNvPr id="6" name="Notes Placeholder 5">
            <a:extLst>
              <a:ext uri="{FF2B5EF4-FFF2-40B4-BE49-F238E27FC236}">
                <a16:creationId xmlns:a16="http://schemas.microsoft.com/office/drawing/2014/main" id="{B41D9AB7-224F-42A1-8469-C71F2146F39F}"/>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Slide Number Placeholder 6">
            <a:extLst>
              <a:ext uri="{FF2B5EF4-FFF2-40B4-BE49-F238E27FC236}">
                <a16:creationId xmlns:a16="http://schemas.microsoft.com/office/drawing/2014/main" id="{BDC28F7B-22D6-4FFA-899B-97B397D45F8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74A5A2F-ECD0-4A51-A9E7-D8DA645BD5CD}" type="slidenum">
              <a:rPr lang="en-GB" smtClean="0"/>
              <a:t>‹#›</a:t>
            </a:fld>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1/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a:t>
            </a:fld>
            <a:endParaRPr lang="en-GB"/>
          </a:p>
        </p:txBody>
      </p:sp>
    </p:spTree>
    <p:extLst>
      <p:ext uri="{BB962C8B-B14F-4D97-AF65-F5344CB8AC3E}">
        <p14:creationId xmlns:p14="http://schemas.microsoft.com/office/powerpoint/2010/main" val="40128441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1/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0</a:t>
            </a:fld>
            <a:endParaRPr lang="en-GB"/>
          </a:p>
        </p:txBody>
      </p:sp>
    </p:spTree>
    <p:extLst>
      <p:ext uri="{BB962C8B-B14F-4D97-AF65-F5344CB8AC3E}">
        <p14:creationId xmlns:p14="http://schemas.microsoft.com/office/powerpoint/2010/main" val="400634116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1/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1</a:t>
            </a:fld>
            <a:endParaRPr lang="en-GB"/>
          </a:p>
        </p:txBody>
      </p:sp>
    </p:spTree>
    <p:extLst>
      <p:ext uri="{BB962C8B-B14F-4D97-AF65-F5344CB8AC3E}">
        <p14:creationId xmlns:p14="http://schemas.microsoft.com/office/powerpoint/2010/main" val="219278357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pPr algn="l"/>
            <a:endParaRPr lang="da-DK" sz="1200" b="1" dirty="0">
              <a:solidFill>
                <a:schemeClr val="accent1"/>
              </a:solidFill>
            </a:endParaRPr>
          </a:p>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1/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2</a:t>
            </a:fld>
            <a:endParaRPr lang="en-GB"/>
          </a:p>
        </p:txBody>
      </p:sp>
    </p:spTree>
    <p:extLst>
      <p:ext uri="{BB962C8B-B14F-4D97-AF65-F5344CB8AC3E}">
        <p14:creationId xmlns:p14="http://schemas.microsoft.com/office/powerpoint/2010/main" val="250810092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a:p>
            <a:r>
              <a:rPr lang="da-DK" dirty="0"/>
              <a:t>  </a:t>
            </a:r>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1/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2</a:t>
            </a:fld>
            <a:endParaRPr lang="en-GB"/>
          </a:p>
        </p:txBody>
      </p:sp>
    </p:spTree>
    <p:extLst>
      <p:ext uri="{BB962C8B-B14F-4D97-AF65-F5344CB8AC3E}">
        <p14:creationId xmlns:p14="http://schemas.microsoft.com/office/powerpoint/2010/main" val="320144490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1/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3</a:t>
            </a:fld>
            <a:endParaRPr lang="en-GB"/>
          </a:p>
        </p:txBody>
      </p:sp>
    </p:spTree>
    <p:extLst>
      <p:ext uri="{BB962C8B-B14F-4D97-AF65-F5344CB8AC3E}">
        <p14:creationId xmlns:p14="http://schemas.microsoft.com/office/powerpoint/2010/main" val="62119020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1/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4</a:t>
            </a:fld>
            <a:endParaRPr lang="en-GB"/>
          </a:p>
        </p:txBody>
      </p:sp>
    </p:spTree>
    <p:extLst>
      <p:ext uri="{BB962C8B-B14F-4D97-AF65-F5344CB8AC3E}">
        <p14:creationId xmlns:p14="http://schemas.microsoft.com/office/powerpoint/2010/main" val="148439802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1/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5</a:t>
            </a:fld>
            <a:endParaRPr lang="en-GB"/>
          </a:p>
        </p:txBody>
      </p:sp>
    </p:spTree>
    <p:extLst>
      <p:ext uri="{BB962C8B-B14F-4D97-AF65-F5344CB8AC3E}">
        <p14:creationId xmlns:p14="http://schemas.microsoft.com/office/powerpoint/2010/main" val="369377728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a:p>
            <a:endParaRPr lang="da-DK"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182407969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1/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7</a:t>
            </a:fld>
            <a:endParaRPr lang="en-GB"/>
          </a:p>
        </p:txBody>
      </p:sp>
    </p:spTree>
    <p:extLst>
      <p:ext uri="{BB962C8B-B14F-4D97-AF65-F5344CB8AC3E}">
        <p14:creationId xmlns:p14="http://schemas.microsoft.com/office/powerpoint/2010/main" val="416473660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1/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8</a:t>
            </a:fld>
            <a:endParaRPr lang="en-GB"/>
          </a:p>
        </p:txBody>
      </p:sp>
    </p:spTree>
    <p:extLst>
      <p:ext uri="{BB962C8B-B14F-4D97-AF65-F5344CB8AC3E}">
        <p14:creationId xmlns:p14="http://schemas.microsoft.com/office/powerpoint/2010/main" val="273434654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1/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9</a:t>
            </a:fld>
            <a:endParaRPr lang="en-GB"/>
          </a:p>
        </p:txBody>
      </p:sp>
    </p:spTree>
    <p:extLst>
      <p:ext uri="{BB962C8B-B14F-4D97-AF65-F5344CB8AC3E}">
        <p14:creationId xmlns:p14="http://schemas.microsoft.com/office/powerpoint/2010/main" val="1275946226"/>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os2"/><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3.qs3"/><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10.jp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qs3"/><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4.jp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3.jpg"/><Relationship Id="rId2" Type="http://schemas.openxmlformats.org/officeDocument/2006/relationships/image" Target="../media/image12.jp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14.jp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5.jp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8" Type="http://schemas.openxmlformats.org/officeDocument/2006/relationships/image" Target="../media/image21.png"/><Relationship Id="rId13" Type="http://schemas.openxmlformats.org/officeDocument/2006/relationships/image" Target="../media/image26.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1.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_rels/slideLayout47.xml.rels><?xml version="1.0" encoding="UTF-8" standalone="yes"?>
<Relationships xmlns="http://schemas.openxmlformats.org/package/2006/relationships"><Relationship Id="rId2" Type="http://schemas.openxmlformats.org/officeDocument/2006/relationships/image" Target="../media/image2.os2"/><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2" Type="http://schemas.openxmlformats.org/officeDocument/2006/relationships/image" Target="../media/image3.qs3"/><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4.jp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6.jp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5.jp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6.jp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7.jp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8.jp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9.jp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2.os2"/><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3.qs3"/><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10.jp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7.jp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8.jp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9.jp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3" Type="http://schemas.openxmlformats.org/officeDocument/2006/relationships/image" Target="../media/image13.jpg"/><Relationship Id="rId2" Type="http://schemas.openxmlformats.org/officeDocument/2006/relationships/image" Target="../media/image12.jpg"/><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2" Type="http://schemas.openxmlformats.org/officeDocument/2006/relationships/image" Target="../media/image14.jpg"/><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os2"/><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2.xml.rels><?xml version="1.0" encoding="UTF-8" standalone="yes"?>
<Relationships xmlns="http://schemas.openxmlformats.org/package/2006/relationships"><Relationship Id="rId8" Type="http://schemas.openxmlformats.org/officeDocument/2006/relationships/image" Target="../media/image21.png"/><Relationship Id="rId13" Type="http://schemas.openxmlformats.org/officeDocument/2006/relationships/image" Target="../media/image26.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2.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accent1"/>
        </a:solid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4" name="Kombinationstegning: figur 12">
            <a:extLst>
              <a:ext uri="{FF2B5EF4-FFF2-40B4-BE49-F238E27FC236}">
                <a16:creationId xmlns:a16="http://schemas.microsoft.com/office/drawing/2014/main" id="{CA386589-75A7-DC7B-07A1-50DE4600CFB0}"/>
              </a:ext>
            </a:extLst>
          </p:cNvPr>
          <p:cNvSpPr/>
          <p:nvPr userDrawn="1"/>
        </p:nvSpPr>
        <p:spPr>
          <a:xfrm rot="5400000">
            <a:off x="6856481" y="2802630"/>
            <a:ext cx="514495" cy="507039"/>
          </a:xfrm>
          <a:custGeom>
            <a:avLst/>
            <a:gdLst>
              <a:gd name="connsiteX0" fmla="*/ 179948 w 514495"/>
              <a:gd name="connsiteY0" fmla="*/ 0 h 507039"/>
              <a:gd name="connsiteX1" fmla="*/ 334547 w 514495"/>
              <a:gd name="connsiteY1" fmla="*/ 0 h 507039"/>
              <a:gd name="connsiteX2" fmla="*/ 514495 w 514495"/>
              <a:gd name="connsiteY2" fmla="*/ 179948 h 507039"/>
              <a:gd name="connsiteX3" fmla="*/ 514495 w 514495"/>
              <a:gd name="connsiteY3" fmla="*/ 327091 h 507039"/>
              <a:gd name="connsiteX4" fmla="*/ 334547 w 514495"/>
              <a:gd name="connsiteY4" fmla="*/ 507039 h 507039"/>
              <a:gd name="connsiteX5" fmla="*/ 180110 w 514495"/>
              <a:gd name="connsiteY5" fmla="*/ 507039 h 507039"/>
              <a:gd name="connsiteX6" fmla="*/ 179948 w 514495"/>
              <a:gd name="connsiteY6" fmla="*/ 507039 h 507039"/>
              <a:gd name="connsiteX7" fmla="*/ 0 w 514495"/>
              <a:gd name="connsiteY7" fmla="*/ 507039 h 507039"/>
              <a:gd name="connsiteX8" fmla="*/ 0 w 514495"/>
              <a:gd name="connsiteY8" fmla="*/ 327091 h 507039"/>
              <a:gd name="connsiteX9" fmla="*/ 0 w 514495"/>
              <a:gd name="connsiteY9" fmla="*/ 286906 h 507039"/>
              <a:gd name="connsiteX10" fmla="*/ 0 w 514495"/>
              <a:gd name="connsiteY10" fmla="*/ 179948 h 507039"/>
              <a:gd name="connsiteX11" fmla="*/ 179948 w 514495"/>
              <a:gd name="connsiteY11" fmla="*/ 0 h 507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495" h="507039">
                <a:moveTo>
                  <a:pt x="179948" y="0"/>
                </a:moveTo>
                <a:lnTo>
                  <a:pt x="334547" y="0"/>
                </a:lnTo>
                <a:cubicBezTo>
                  <a:pt x="433930" y="0"/>
                  <a:pt x="514495" y="80565"/>
                  <a:pt x="514495" y="179948"/>
                </a:cubicBezTo>
                <a:lnTo>
                  <a:pt x="514495" y="327091"/>
                </a:lnTo>
                <a:cubicBezTo>
                  <a:pt x="514495" y="426474"/>
                  <a:pt x="433930" y="507039"/>
                  <a:pt x="334547" y="507039"/>
                </a:cubicBezTo>
                <a:lnTo>
                  <a:pt x="180110" y="507039"/>
                </a:lnTo>
                <a:lnTo>
                  <a:pt x="179948" y="507039"/>
                </a:lnTo>
                <a:lnTo>
                  <a:pt x="0" y="507039"/>
                </a:lnTo>
                <a:lnTo>
                  <a:pt x="0" y="327091"/>
                </a:lnTo>
                <a:lnTo>
                  <a:pt x="0" y="286906"/>
                </a:lnTo>
                <a:lnTo>
                  <a:pt x="0" y="179948"/>
                </a:lnTo>
                <a:cubicBezTo>
                  <a:pt x="0" y="80565"/>
                  <a:pt x="80565" y="0"/>
                  <a:pt x="179948" y="0"/>
                </a:cubicBezTo>
                <a:close/>
              </a:path>
            </a:pathLst>
          </a:custGeom>
          <a:solidFill>
            <a:srgbClr val="A7A4E0"/>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4" name="Titel kasse">
            <a:extLst>
              <a:ext uri="{FF2B5EF4-FFF2-40B4-BE49-F238E27FC236}">
                <a16:creationId xmlns:a16="http://schemas.microsoft.com/office/drawing/2014/main" id="{3CBB74ED-65A9-39F5-79DE-B76C72DC5539}"/>
              </a:ext>
            </a:extLst>
          </p:cNvPr>
          <p:cNvSpPr>
            <a:spLocks noGrp="1" noRot="1" noMove="1" noResize="1" noEditPoints="1" noAdjustHandles="1" noChangeArrowheads="1" noChangeShapeType="1"/>
          </p:cNvSpPr>
          <p:nvPr userDrawn="1"/>
        </p:nvSpPr>
        <p:spPr>
          <a:xfrm>
            <a:off x="388800" y="388800"/>
            <a:ext cx="6214528" cy="2664000"/>
          </a:xfrm>
          <a:custGeom>
            <a:avLst/>
            <a:gdLst>
              <a:gd name="connsiteX0" fmla="*/ 262537 w 6214528"/>
              <a:gd name="connsiteY0" fmla="*/ 0 h 2664000"/>
              <a:gd name="connsiteX1" fmla="*/ 5951991 w 6214528"/>
              <a:gd name="connsiteY1" fmla="*/ 0 h 2664000"/>
              <a:gd name="connsiteX2" fmla="*/ 6214528 w 6214528"/>
              <a:gd name="connsiteY2" fmla="*/ 262537 h 2664000"/>
              <a:gd name="connsiteX3" fmla="*/ 6214528 w 6214528"/>
              <a:gd name="connsiteY3" fmla="*/ 1826775 h 2664000"/>
              <a:gd name="connsiteX4" fmla="*/ 6214528 w 6214528"/>
              <a:gd name="connsiteY4" fmla="*/ 2401463 h 2664000"/>
              <a:gd name="connsiteX5" fmla="*/ 6214528 w 6214528"/>
              <a:gd name="connsiteY5" fmla="*/ 2664000 h 2664000"/>
              <a:gd name="connsiteX6" fmla="*/ 5951991 w 6214528"/>
              <a:gd name="connsiteY6" fmla="*/ 2664000 h 2664000"/>
              <a:gd name="connsiteX7" fmla="*/ 5354820 w 6214528"/>
              <a:gd name="connsiteY7" fmla="*/ 2664000 h 2664000"/>
              <a:gd name="connsiteX8" fmla="*/ 262537 w 6214528"/>
              <a:gd name="connsiteY8" fmla="*/ 2664000 h 2664000"/>
              <a:gd name="connsiteX9" fmla="*/ 0 w 6214528"/>
              <a:gd name="connsiteY9" fmla="*/ 2401463 h 2664000"/>
              <a:gd name="connsiteX10" fmla="*/ 0 w 6214528"/>
              <a:gd name="connsiteY10" fmla="*/ 262537 h 2664000"/>
              <a:gd name="connsiteX11" fmla="*/ 262537 w 6214528"/>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214528" h="2664000">
                <a:moveTo>
                  <a:pt x="262537" y="0"/>
                </a:moveTo>
                <a:lnTo>
                  <a:pt x="5951991" y="0"/>
                </a:lnTo>
                <a:cubicBezTo>
                  <a:pt x="6096986" y="0"/>
                  <a:pt x="6214528" y="117542"/>
                  <a:pt x="6214528" y="262537"/>
                </a:cubicBezTo>
                <a:lnTo>
                  <a:pt x="6214528" y="1826775"/>
                </a:lnTo>
                <a:lnTo>
                  <a:pt x="6214528" y="2401463"/>
                </a:lnTo>
                <a:lnTo>
                  <a:pt x="6214528" y="2664000"/>
                </a:lnTo>
                <a:lnTo>
                  <a:pt x="5951991" y="2664000"/>
                </a:lnTo>
                <a:lnTo>
                  <a:pt x="5354820" y="2664000"/>
                </a:lnTo>
                <a:lnTo>
                  <a:pt x="262537" y="2664000"/>
                </a:lnTo>
                <a:cubicBezTo>
                  <a:pt x="117542" y="2664000"/>
                  <a:pt x="0" y="2546458"/>
                  <a:pt x="0" y="2401463"/>
                </a:cubicBezTo>
                <a:lnTo>
                  <a:pt x="0" y="262537"/>
                </a:lnTo>
                <a:cubicBezTo>
                  <a:pt x="0" y="117542"/>
                  <a:pt x="117542" y="0"/>
                  <a:pt x="262537" y="0"/>
                </a:cubicBez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7999" y="647999"/>
            <a:ext cx="5436163" cy="1908000"/>
          </a:xfrm>
        </p:spPr>
        <p:txBody>
          <a:bodyPr anchor="t" anchorCtr="0"/>
          <a:lstStyle>
            <a:lvl1pPr algn="l">
              <a:defRPr sz="4400"/>
            </a:lvl1pPr>
          </a:lstStyle>
          <a:p>
            <a:r>
              <a:rPr lang="da-DK" dirty="0"/>
              <a:t>Klik for at indsætte overskrift – max. tre linjer</a:t>
            </a:r>
          </a:p>
        </p:txBody>
      </p:sp>
      <p:sp>
        <p:nvSpPr>
          <p:cNvPr id="57" name="Pladsholder til tekst navn">
            <a:extLst>
              <a:ext uri="{FF2B5EF4-FFF2-40B4-BE49-F238E27FC236}">
                <a16:creationId xmlns:a16="http://schemas.microsoft.com/office/drawing/2014/main" id="{2704DDB4-16E8-0563-66A2-CD390B2ADE8C}"/>
              </a:ext>
            </a:extLst>
          </p:cNvPr>
          <p:cNvSpPr>
            <a:spLocks noGrp="1"/>
          </p:cNvSpPr>
          <p:nvPr>
            <p:ph type="body" sz="quarter" idx="18" hasCustomPrompt="1"/>
          </p:nvPr>
        </p:nvSpPr>
        <p:spPr>
          <a:xfrm>
            <a:off x="648000" y="3292346"/>
            <a:ext cx="396000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58" name="Pladsholder til tekst efternavn">
            <a:extLst>
              <a:ext uri="{FF2B5EF4-FFF2-40B4-BE49-F238E27FC236}">
                <a16:creationId xmlns:a16="http://schemas.microsoft.com/office/drawing/2014/main" id="{F6B382D9-8FC1-3803-166D-0FD261AAD634}"/>
              </a:ext>
            </a:extLst>
          </p:cNvPr>
          <p:cNvSpPr>
            <a:spLocks noGrp="1"/>
          </p:cNvSpPr>
          <p:nvPr>
            <p:ph type="body" sz="quarter" idx="19" hasCustomPrompt="1"/>
          </p:nvPr>
        </p:nvSpPr>
        <p:spPr>
          <a:xfrm>
            <a:off x="648000" y="3578598"/>
            <a:ext cx="396000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7" name="Date Placeholder 6">
            <a:extLst>
              <a:ext uri="{FF2B5EF4-FFF2-40B4-BE49-F238E27FC236}">
                <a16:creationId xmlns:a16="http://schemas.microsoft.com/office/drawing/2014/main" id="{FAC78685-2AE8-4790-9E15-2028753F5FF4}"/>
              </a:ext>
            </a:extLst>
          </p:cNvPr>
          <p:cNvSpPr>
            <a:spLocks noGrp="1"/>
          </p:cNvSpPr>
          <p:nvPr>
            <p:ph type="dt" sz="half" idx="15"/>
          </p:nvPr>
        </p:nvSpPr>
        <p:spPr>
          <a:xfrm>
            <a:off x="648000" y="3872772"/>
            <a:ext cx="3960000" cy="324000"/>
          </a:xfrm>
          <a:prstGeom prst="rect">
            <a:avLst/>
          </a:prstGeom>
        </p:spPr>
        <p:txBody>
          <a:bodyPr anchor="t" anchorCtr="0"/>
          <a:lstStyle>
            <a:lvl1pPr algn="l">
              <a:defRPr sz="2000">
                <a:solidFill>
                  <a:schemeClr val="bg1"/>
                </a:solidFill>
              </a:defRPr>
            </a:lvl1pPr>
          </a:lstStyle>
          <a:p>
            <a:fld id="{11D385FF-6CE1-4F3A-8740-3430CCA7CC97}" type="datetime2">
              <a:rPr lang="da-DK" smtClean="0"/>
              <a:t>11. september 2024</a:t>
            </a:fld>
            <a:endParaRPr lang="da-DK" dirty="0"/>
          </a:p>
        </p:txBody>
      </p:sp>
      <p:pic>
        <p:nvPicPr>
          <p:cNvPr id="5" name="Dynamic cover logo hvid" descr="{&quot;templafy&quot;:{&quot;id&quot;:&quot;3b6f021a-c809-4a1d-9c0f-b189f7e5122b&quot;}}">
            <a:extLst>
              <a:ext uri="{FF2B5EF4-FFF2-40B4-BE49-F238E27FC236}">
                <a16:creationId xmlns:a16="http://schemas.microsoft.com/office/drawing/2014/main" id="{AB4542D8-9264-0DC4-3E0E-18193B092AB5}"/>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270691292"/>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orside animation B">
    <p:bg>
      <p:bgPr>
        <a:solidFill>
          <a:schemeClr val="bg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1F558EE2-5BC5-4E63-8AB4-9F9595058CF5}" type="datetime2">
              <a:rPr lang="da-DK" smtClean="0"/>
              <a:t>11.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grpSp>
        <p:nvGrpSpPr>
          <p:cNvPr id="35" name="Group 37">
            <a:extLst>
              <a:ext uri="{FF2B5EF4-FFF2-40B4-BE49-F238E27FC236}">
                <a16:creationId xmlns:a16="http://schemas.microsoft.com/office/drawing/2014/main" id="{345680D0-54A8-BBC5-D9D9-BFE8F7BDC5D5}"/>
              </a:ext>
            </a:extLst>
          </p:cNvPr>
          <p:cNvGrpSpPr/>
          <p:nvPr userDrawn="1"/>
        </p:nvGrpSpPr>
        <p:grpSpPr>
          <a:xfrm>
            <a:off x="9707205" y="1658311"/>
            <a:ext cx="1899131" cy="1532511"/>
            <a:chOff x="7918183" y="1759240"/>
            <a:chExt cx="1670583" cy="1532511"/>
          </a:xfrm>
          <a:solidFill>
            <a:schemeClr val="accent3"/>
          </a:solidFill>
        </p:grpSpPr>
        <p:sp>
          <p:nvSpPr>
            <p:cNvPr id="36" name="Rectangle: Rounded Corners 38">
              <a:extLst>
                <a:ext uri="{FF2B5EF4-FFF2-40B4-BE49-F238E27FC236}">
                  <a16:creationId xmlns:a16="http://schemas.microsoft.com/office/drawing/2014/main" id="{1A4DFA48-D3CA-A2BB-57DD-75958F343582}"/>
                </a:ext>
              </a:extLst>
            </p:cNvPr>
            <p:cNvSpPr/>
            <p:nvPr/>
          </p:nvSpPr>
          <p:spPr>
            <a:xfrm>
              <a:off x="7918183" y="1759240"/>
              <a:ext cx="1670583" cy="1532511"/>
            </a:xfrm>
            <a:prstGeom prst="roundRect">
              <a:avLst>
                <a:gd name="adj" fmla="val 10244"/>
              </a:avLst>
            </a:prstGeom>
            <a:grp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37" name="Rectangle 39">
              <a:extLst>
                <a:ext uri="{FF2B5EF4-FFF2-40B4-BE49-F238E27FC236}">
                  <a16:creationId xmlns:a16="http://schemas.microsoft.com/office/drawing/2014/main" id="{A15C5EF1-D4CB-00F4-9001-3D2F0EF758F7}"/>
                </a:ext>
              </a:extLst>
            </p:cNvPr>
            <p:cNvSpPr/>
            <p:nvPr/>
          </p:nvSpPr>
          <p:spPr>
            <a:xfrm>
              <a:off x="7918183" y="2007031"/>
              <a:ext cx="1077132" cy="1284720"/>
            </a:xfrm>
            <a:prstGeom prst="rect">
              <a:avLst/>
            </a:prstGeom>
            <a:grp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40" name="Rectangle: Rounded Corners 15">
            <a:extLst>
              <a:ext uri="{FF2B5EF4-FFF2-40B4-BE49-F238E27FC236}">
                <a16:creationId xmlns:a16="http://schemas.microsoft.com/office/drawing/2014/main" id="{D32817E6-8B89-65BB-1D74-551FCEAE35E1}"/>
              </a:ext>
            </a:extLst>
          </p:cNvPr>
          <p:cNvSpPr/>
          <p:nvPr userDrawn="1"/>
        </p:nvSpPr>
        <p:spPr>
          <a:xfrm>
            <a:off x="7758498" y="841163"/>
            <a:ext cx="1670583" cy="1532511"/>
          </a:xfrm>
          <a:prstGeom prst="roundRect">
            <a:avLst>
              <a:gd name="adj" fmla="val 10244"/>
            </a:avLst>
          </a:prstGeom>
          <a:solidFill>
            <a:srgbClr val="F68D2E"/>
          </a:solid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41" name="Rectangle: Rounded Corners 9">
            <a:extLst>
              <a:ext uri="{FF2B5EF4-FFF2-40B4-BE49-F238E27FC236}">
                <a16:creationId xmlns:a16="http://schemas.microsoft.com/office/drawing/2014/main" id="{0AD77006-6263-CBA3-95C3-66538B4BD583}"/>
              </a:ext>
            </a:extLst>
          </p:cNvPr>
          <p:cNvSpPr/>
          <p:nvPr userDrawn="1"/>
        </p:nvSpPr>
        <p:spPr>
          <a:xfrm>
            <a:off x="9707205" y="1103147"/>
            <a:ext cx="1899131" cy="1532511"/>
          </a:xfrm>
          <a:prstGeom prst="roundRect">
            <a:avLst>
              <a:gd name="adj" fmla="val 10244"/>
            </a:avLst>
          </a:prstGeom>
          <a:solidFill>
            <a:schemeClr val="accent3"/>
          </a:solid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42" name="Rectangle: Rounded Corners 10">
            <a:extLst>
              <a:ext uri="{FF2B5EF4-FFF2-40B4-BE49-F238E27FC236}">
                <a16:creationId xmlns:a16="http://schemas.microsoft.com/office/drawing/2014/main" id="{BA0F0B34-15DF-3C9E-400C-C29A457876C5}"/>
              </a:ext>
            </a:extLst>
          </p:cNvPr>
          <p:cNvSpPr/>
          <p:nvPr userDrawn="1"/>
        </p:nvSpPr>
        <p:spPr>
          <a:xfrm>
            <a:off x="9707205" y="1546370"/>
            <a:ext cx="1899131" cy="1532511"/>
          </a:xfrm>
          <a:prstGeom prst="roundRect">
            <a:avLst>
              <a:gd name="adj" fmla="val 10244"/>
            </a:avLst>
          </a:prstGeom>
          <a:solidFill>
            <a:schemeClr val="accent3"/>
          </a:solid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nvGrpSpPr>
          <p:cNvPr id="43" name="Group 13">
            <a:extLst>
              <a:ext uri="{FF2B5EF4-FFF2-40B4-BE49-F238E27FC236}">
                <a16:creationId xmlns:a16="http://schemas.microsoft.com/office/drawing/2014/main" id="{3F646390-FCF6-092F-FAF1-684918E6C4A4}"/>
              </a:ext>
            </a:extLst>
          </p:cNvPr>
          <p:cNvGrpSpPr/>
          <p:nvPr userDrawn="1"/>
        </p:nvGrpSpPr>
        <p:grpSpPr>
          <a:xfrm>
            <a:off x="7758498" y="1661606"/>
            <a:ext cx="1670583" cy="1532511"/>
            <a:chOff x="7918183" y="1759240"/>
            <a:chExt cx="1670583" cy="1532511"/>
          </a:xfrm>
          <a:solidFill>
            <a:srgbClr val="F68D2E"/>
          </a:solidFill>
        </p:grpSpPr>
        <p:sp>
          <p:nvSpPr>
            <p:cNvPr id="44" name="Rectangle: Rounded Corners 12">
              <a:extLst>
                <a:ext uri="{FF2B5EF4-FFF2-40B4-BE49-F238E27FC236}">
                  <a16:creationId xmlns:a16="http://schemas.microsoft.com/office/drawing/2014/main" id="{05CA8F74-8DAC-9A15-B1FD-4140CA1325C6}"/>
                </a:ext>
              </a:extLst>
            </p:cNvPr>
            <p:cNvSpPr/>
            <p:nvPr/>
          </p:nvSpPr>
          <p:spPr>
            <a:xfrm>
              <a:off x="7918183" y="1759240"/>
              <a:ext cx="1670583" cy="1532511"/>
            </a:xfrm>
            <a:prstGeom prst="roundRect">
              <a:avLst>
                <a:gd name="adj" fmla="val 10244"/>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46" name="Rectangle 11">
              <a:extLst>
                <a:ext uri="{FF2B5EF4-FFF2-40B4-BE49-F238E27FC236}">
                  <a16:creationId xmlns:a16="http://schemas.microsoft.com/office/drawing/2014/main" id="{11FBB2EA-3973-25A2-E5D3-1E32F82F86FD}"/>
                </a:ext>
              </a:extLst>
            </p:cNvPr>
            <p:cNvSpPr/>
            <p:nvPr/>
          </p:nvSpPr>
          <p:spPr>
            <a:xfrm>
              <a:off x="7918183" y="2007031"/>
              <a:ext cx="1077132"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2" name="Freeform: Shape 11">
            <a:extLst>
              <a:ext uri="{FF2B5EF4-FFF2-40B4-BE49-F238E27FC236}">
                <a16:creationId xmlns:a16="http://schemas.microsoft.com/office/drawing/2014/main" id="{EC2584C0-3DED-D639-DA70-1763518DF8F0}"/>
              </a:ext>
            </a:extLst>
          </p:cNvPr>
          <p:cNvSpPr/>
          <p:nvPr userDrawn="1"/>
        </p:nvSpPr>
        <p:spPr>
          <a:xfrm>
            <a:off x="4640765" y="5672577"/>
            <a:ext cx="2313526" cy="1185422"/>
          </a:xfrm>
          <a:custGeom>
            <a:avLst/>
            <a:gdLst>
              <a:gd name="connsiteX0" fmla="*/ 167145 w 2313526"/>
              <a:gd name="connsiteY0" fmla="*/ 0 h 1185422"/>
              <a:gd name="connsiteX1" fmla="*/ 1203080 w 2313526"/>
              <a:gd name="connsiteY1" fmla="*/ 0 h 1185422"/>
              <a:gd name="connsiteX2" fmla="*/ 2146381 w 2313526"/>
              <a:gd name="connsiteY2" fmla="*/ 0 h 1185422"/>
              <a:gd name="connsiteX3" fmla="*/ 2313525 w 2313526"/>
              <a:gd name="connsiteY3" fmla="*/ 0 h 1185422"/>
              <a:gd name="connsiteX4" fmla="*/ 2313525 w 2313526"/>
              <a:gd name="connsiteY4" fmla="*/ 167140 h 1185422"/>
              <a:gd name="connsiteX5" fmla="*/ 2313526 w 2313526"/>
              <a:gd name="connsiteY5" fmla="*/ 167145 h 1185422"/>
              <a:gd name="connsiteX6" fmla="*/ 2313526 w 2313526"/>
              <a:gd name="connsiteY6" fmla="*/ 1142153 h 1185422"/>
              <a:gd name="connsiteX7" fmla="*/ 2313525 w 2313526"/>
              <a:gd name="connsiteY7" fmla="*/ 1142158 h 1185422"/>
              <a:gd name="connsiteX8" fmla="*/ 2313525 w 2313526"/>
              <a:gd name="connsiteY8" fmla="*/ 1185422 h 1185422"/>
              <a:gd name="connsiteX9" fmla="*/ 1 w 2313526"/>
              <a:gd name="connsiteY9" fmla="*/ 1185422 h 1185422"/>
              <a:gd name="connsiteX10" fmla="*/ 1 w 2313526"/>
              <a:gd name="connsiteY10" fmla="*/ 1142158 h 1185422"/>
              <a:gd name="connsiteX11" fmla="*/ 0 w 2313526"/>
              <a:gd name="connsiteY11" fmla="*/ 1142153 h 1185422"/>
              <a:gd name="connsiteX12" fmla="*/ 0 w 2313526"/>
              <a:gd name="connsiteY12" fmla="*/ 167145 h 1185422"/>
              <a:gd name="connsiteX13" fmla="*/ 167145 w 2313526"/>
              <a:gd name="connsiteY13" fmla="*/ 0 h 11854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313526" h="1185422">
                <a:moveTo>
                  <a:pt x="167145" y="0"/>
                </a:moveTo>
                <a:lnTo>
                  <a:pt x="1203080" y="0"/>
                </a:lnTo>
                <a:lnTo>
                  <a:pt x="2146381" y="0"/>
                </a:lnTo>
                <a:lnTo>
                  <a:pt x="2313525" y="0"/>
                </a:lnTo>
                <a:lnTo>
                  <a:pt x="2313525" y="167140"/>
                </a:lnTo>
                <a:lnTo>
                  <a:pt x="2313526" y="167145"/>
                </a:lnTo>
                <a:lnTo>
                  <a:pt x="2313526" y="1142153"/>
                </a:lnTo>
                <a:lnTo>
                  <a:pt x="2313525" y="1142158"/>
                </a:lnTo>
                <a:lnTo>
                  <a:pt x="2313525" y="1185422"/>
                </a:lnTo>
                <a:lnTo>
                  <a:pt x="1" y="1185422"/>
                </a:lnTo>
                <a:lnTo>
                  <a:pt x="1" y="1142158"/>
                </a:lnTo>
                <a:lnTo>
                  <a:pt x="0" y="1142153"/>
                </a:lnTo>
                <a:lnTo>
                  <a:pt x="0" y="167145"/>
                </a:lnTo>
                <a:cubicBezTo>
                  <a:pt x="0" y="74833"/>
                  <a:pt x="74833" y="0"/>
                  <a:pt x="167145" y="0"/>
                </a:cubicBezTo>
                <a:close/>
              </a:path>
            </a:pathLst>
          </a:custGeom>
          <a:solidFill>
            <a:schemeClr val="accent1"/>
          </a:solidFill>
          <a:ln w="15875">
            <a:solidFill>
              <a:srgbClr val="38025C"/>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Freeform: Shape 13">
            <a:extLst>
              <a:ext uri="{FF2B5EF4-FFF2-40B4-BE49-F238E27FC236}">
                <a16:creationId xmlns:a16="http://schemas.microsoft.com/office/drawing/2014/main" id="{B25533A6-5841-A4BC-D9EB-4BC84547556A}"/>
              </a:ext>
            </a:extLst>
          </p:cNvPr>
          <p:cNvSpPr/>
          <p:nvPr userDrawn="1"/>
        </p:nvSpPr>
        <p:spPr>
          <a:xfrm>
            <a:off x="7213491" y="3438552"/>
            <a:ext cx="4978508" cy="2791037"/>
          </a:xfrm>
          <a:custGeom>
            <a:avLst/>
            <a:gdLst>
              <a:gd name="connsiteX0" fmla="*/ 189818 w 4978508"/>
              <a:gd name="connsiteY0" fmla="*/ 0 h 2791037"/>
              <a:gd name="connsiteX1" fmla="*/ 2952066 w 4978508"/>
              <a:gd name="connsiteY1" fmla="*/ 0 h 2791037"/>
              <a:gd name="connsiteX2" fmla="*/ 4897367 w 4978508"/>
              <a:gd name="connsiteY2" fmla="*/ 0 h 2791037"/>
              <a:gd name="connsiteX3" fmla="*/ 4978508 w 4978508"/>
              <a:gd name="connsiteY3" fmla="*/ 0 h 2791037"/>
              <a:gd name="connsiteX4" fmla="*/ 4978508 w 4978508"/>
              <a:gd name="connsiteY4" fmla="*/ 2790000 h 2791037"/>
              <a:gd name="connsiteX5" fmla="*/ 4907654 w 4978508"/>
              <a:gd name="connsiteY5" fmla="*/ 2790000 h 2791037"/>
              <a:gd name="connsiteX6" fmla="*/ 4897367 w 4978508"/>
              <a:gd name="connsiteY6" fmla="*/ 2791037 h 2791037"/>
              <a:gd name="connsiteX7" fmla="*/ 189818 w 4978508"/>
              <a:gd name="connsiteY7" fmla="*/ 2791037 h 2791037"/>
              <a:gd name="connsiteX8" fmla="*/ 0 w 4978508"/>
              <a:gd name="connsiteY8" fmla="*/ 2601219 h 2791037"/>
              <a:gd name="connsiteX9" fmla="*/ 0 w 4978508"/>
              <a:gd name="connsiteY9" fmla="*/ 189818 h 2791037"/>
              <a:gd name="connsiteX10" fmla="*/ 189818 w 4978508"/>
              <a:gd name="connsiteY10" fmla="*/ 0 h 2791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978508" h="2791037">
                <a:moveTo>
                  <a:pt x="189818" y="0"/>
                </a:moveTo>
                <a:lnTo>
                  <a:pt x="2952066" y="0"/>
                </a:lnTo>
                <a:lnTo>
                  <a:pt x="4897367" y="0"/>
                </a:lnTo>
                <a:lnTo>
                  <a:pt x="4978508" y="0"/>
                </a:lnTo>
                <a:lnTo>
                  <a:pt x="4978508" y="2790000"/>
                </a:lnTo>
                <a:lnTo>
                  <a:pt x="4907654" y="2790000"/>
                </a:lnTo>
                <a:lnTo>
                  <a:pt x="4897367" y="2791037"/>
                </a:lnTo>
                <a:lnTo>
                  <a:pt x="189818" y="2791037"/>
                </a:lnTo>
                <a:cubicBezTo>
                  <a:pt x="84984" y="2791037"/>
                  <a:pt x="0" y="2706053"/>
                  <a:pt x="0" y="2601219"/>
                </a:cubicBezTo>
                <a:lnTo>
                  <a:pt x="0" y="189818"/>
                </a:lnTo>
                <a:cubicBezTo>
                  <a:pt x="0" y="84984"/>
                  <a:pt x="84984" y="0"/>
                  <a:pt x="189818" y="0"/>
                </a:cubicBezTo>
                <a:close/>
              </a:path>
            </a:pathLst>
          </a:custGeom>
          <a:solidFill>
            <a:schemeClr val="bg1"/>
          </a:solid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01" name="Kombinationstegning: figur 100">
            <a:extLst>
              <a:ext uri="{FF2B5EF4-FFF2-40B4-BE49-F238E27FC236}">
                <a16:creationId xmlns:a16="http://schemas.microsoft.com/office/drawing/2014/main" id="{08BFB9B9-F32C-192D-99A4-E53272102434}"/>
              </a:ext>
            </a:extLst>
          </p:cNvPr>
          <p:cNvSpPr/>
          <p:nvPr userDrawn="1"/>
        </p:nvSpPr>
        <p:spPr>
          <a:xfrm>
            <a:off x="2996094" y="1524105"/>
            <a:ext cx="4512666" cy="1656915"/>
          </a:xfrm>
          <a:custGeom>
            <a:avLst/>
            <a:gdLst>
              <a:gd name="connsiteX0" fmla="*/ 158931 w 4512666"/>
              <a:gd name="connsiteY0" fmla="*/ 0 h 1656915"/>
              <a:gd name="connsiteX1" fmla="*/ 4353735 w 4512666"/>
              <a:gd name="connsiteY1" fmla="*/ 0 h 1656915"/>
              <a:gd name="connsiteX2" fmla="*/ 4512666 w 4512666"/>
              <a:gd name="connsiteY2" fmla="*/ 158931 h 1656915"/>
              <a:gd name="connsiteX3" fmla="*/ 4512666 w 4512666"/>
              <a:gd name="connsiteY3" fmla="*/ 990165 h 1656915"/>
              <a:gd name="connsiteX4" fmla="*/ 4512666 w 4512666"/>
              <a:gd name="connsiteY4" fmla="*/ 1497984 h 1656915"/>
              <a:gd name="connsiteX5" fmla="*/ 4512666 w 4512666"/>
              <a:gd name="connsiteY5" fmla="*/ 1656915 h 1656915"/>
              <a:gd name="connsiteX6" fmla="*/ 4353735 w 4512666"/>
              <a:gd name="connsiteY6" fmla="*/ 1656915 h 1656915"/>
              <a:gd name="connsiteX7" fmla="*/ 3741141 w 4512666"/>
              <a:gd name="connsiteY7" fmla="*/ 1656915 h 1656915"/>
              <a:gd name="connsiteX8" fmla="*/ 158931 w 4512666"/>
              <a:gd name="connsiteY8" fmla="*/ 1656915 h 1656915"/>
              <a:gd name="connsiteX9" fmla="*/ 0 w 4512666"/>
              <a:gd name="connsiteY9" fmla="*/ 1497984 h 1656915"/>
              <a:gd name="connsiteX10" fmla="*/ 0 w 4512666"/>
              <a:gd name="connsiteY10" fmla="*/ 158931 h 1656915"/>
              <a:gd name="connsiteX11" fmla="*/ 158931 w 4512666"/>
              <a:gd name="connsiteY11" fmla="*/ 0 h 1656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512666" h="1656915">
                <a:moveTo>
                  <a:pt x="158931" y="0"/>
                </a:moveTo>
                <a:lnTo>
                  <a:pt x="4353735" y="0"/>
                </a:lnTo>
                <a:cubicBezTo>
                  <a:pt x="4441510" y="0"/>
                  <a:pt x="4512666" y="71156"/>
                  <a:pt x="4512666" y="158931"/>
                </a:cubicBezTo>
                <a:lnTo>
                  <a:pt x="4512666" y="990165"/>
                </a:lnTo>
                <a:lnTo>
                  <a:pt x="4512666" y="1497984"/>
                </a:lnTo>
                <a:lnTo>
                  <a:pt x="4512666" y="1656915"/>
                </a:lnTo>
                <a:lnTo>
                  <a:pt x="4353735" y="1656915"/>
                </a:lnTo>
                <a:lnTo>
                  <a:pt x="3741141" y="1656915"/>
                </a:lnTo>
                <a:lnTo>
                  <a:pt x="158931" y="1656915"/>
                </a:lnTo>
                <a:cubicBezTo>
                  <a:pt x="71156" y="1656915"/>
                  <a:pt x="0" y="1585759"/>
                  <a:pt x="0" y="1497984"/>
                </a:cubicBezTo>
                <a:lnTo>
                  <a:pt x="0" y="158931"/>
                </a:lnTo>
                <a:cubicBezTo>
                  <a:pt x="0" y="71156"/>
                  <a:pt x="71156" y="0"/>
                  <a:pt x="158931"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0" name="Freeform: Shape 9">
            <a:extLst>
              <a:ext uri="{FF2B5EF4-FFF2-40B4-BE49-F238E27FC236}">
                <a16:creationId xmlns:a16="http://schemas.microsoft.com/office/drawing/2014/main" id="{78C65111-0D27-639E-EDD8-E12C1BEF8558}"/>
              </a:ext>
            </a:extLst>
          </p:cNvPr>
          <p:cNvSpPr/>
          <p:nvPr userDrawn="1"/>
        </p:nvSpPr>
        <p:spPr>
          <a:xfrm>
            <a:off x="0" y="0"/>
            <a:ext cx="2746356" cy="3171633"/>
          </a:xfrm>
          <a:custGeom>
            <a:avLst/>
            <a:gdLst>
              <a:gd name="connsiteX0" fmla="*/ 0 w 2746356"/>
              <a:gd name="connsiteY0" fmla="*/ 0 h 3171633"/>
              <a:gd name="connsiteX1" fmla="*/ 2746356 w 2746356"/>
              <a:gd name="connsiteY1" fmla="*/ 0 h 3171633"/>
              <a:gd name="connsiteX2" fmla="*/ 2746356 w 2746356"/>
              <a:gd name="connsiteY2" fmla="*/ 419000 h 3171633"/>
              <a:gd name="connsiteX3" fmla="*/ 2746355 w 2746356"/>
              <a:gd name="connsiteY3" fmla="*/ 419000 h 3171633"/>
              <a:gd name="connsiteX4" fmla="*/ 2746355 w 2746356"/>
              <a:gd name="connsiteY4" fmla="*/ 2989328 h 3171633"/>
              <a:gd name="connsiteX5" fmla="*/ 2564051 w 2746356"/>
              <a:gd name="connsiteY5" fmla="*/ 3171632 h 3171633"/>
              <a:gd name="connsiteX6" fmla="*/ 417450 w 2746356"/>
              <a:gd name="connsiteY6" fmla="*/ 3171632 h 3171633"/>
              <a:gd name="connsiteX7" fmla="*/ 417450 w 2746356"/>
              <a:gd name="connsiteY7" fmla="*/ 3171633 h 3171633"/>
              <a:gd name="connsiteX8" fmla="*/ 0 w 2746356"/>
              <a:gd name="connsiteY8" fmla="*/ 3171633 h 31716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6356" h="3171633">
                <a:moveTo>
                  <a:pt x="0" y="0"/>
                </a:moveTo>
                <a:lnTo>
                  <a:pt x="2746356" y="0"/>
                </a:lnTo>
                <a:lnTo>
                  <a:pt x="2746356" y="419000"/>
                </a:lnTo>
                <a:lnTo>
                  <a:pt x="2746355" y="419000"/>
                </a:lnTo>
                <a:lnTo>
                  <a:pt x="2746355" y="2989328"/>
                </a:lnTo>
                <a:cubicBezTo>
                  <a:pt x="2746355" y="3090012"/>
                  <a:pt x="2664735" y="3171632"/>
                  <a:pt x="2564051" y="3171632"/>
                </a:cubicBezTo>
                <a:lnTo>
                  <a:pt x="417450" y="3171632"/>
                </a:lnTo>
                <a:lnTo>
                  <a:pt x="417450" y="3171633"/>
                </a:lnTo>
                <a:lnTo>
                  <a:pt x="0" y="3171633"/>
                </a:ln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24" name="Rectangle: Rounded Corners 6">
            <a:extLst>
              <a:ext uri="{FF2B5EF4-FFF2-40B4-BE49-F238E27FC236}">
                <a16:creationId xmlns:a16="http://schemas.microsoft.com/office/drawing/2014/main" id="{5EBC8348-21D0-9C68-0D0B-4E2FD2EB8293}"/>
              </a:ext>
            </a:extLst>
          </p:cNvPr>
          <p:cNvSpPr/>
          <p:nvPr userDrawn="1"/>
        </p:nvSpPr>
        <p:spPr>
          <a:xfrm>
            <a:off x="5283708" y="3438552"/>
            <a:ext cx="1670584" cy="1976493"/>
          </a:xfrm>
          <a:prstGeom prst="roundRect">
            <a:avLst>
              <a:gd name="adj" fmla="val 8947"/>
            </a:avLst>
          </a:prstGeom>
          <a:noFill/>
          <a:ln w="158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nvGrpSpPr>
          <p:cNvPr id="125" name="Group 16">
            <a:extLst>
              <a:ext uri="{FF2B5EF4-FFF2-40B4-BE49-F238E27FC236}">
                <a16:creationId xmlns:a16="http://schemas.microsoft.com/office/drawing/2014/main" id="{2183D9D5-BB0C-1F7E-9DDD-0E9320A0246A}"/>
              </a:ext>
            </a:extLst>
          </p:cNvPr>
          <p:cNvGrpSpPr/>
          <p:nvPr userDrawn="1"/>
        </p:nvGrpSpPr>
        <p:grpSpPr>
          <a:xfrm>
            <a:off x="-1" y="3438552"/>
            <a:ext cx="5024505" cy="1976493"/>
            <a:chOff x="7949655" y="1759240"/>
            <a:chExt cx="1639111" cy="1532511"/>
          </a:xfrm>
          <a:solidFill>
            <a:srgbClr val="F68D2E"/>
          </a:solidFill>
        </p:grpSpPr>
        <p:sp>
          <p:nvSpPr>
            <p:cNvPr id="126" name="Rectangle: Rounded Corners 17">
              <a:extLst>
                <a:ext uri="{FF2B5EF4-FFF2-40B4-BE49-F238E27FC236}">
                  <a16:creationId xmlns:a16="http://schemas.microsoft.com/office/drawing/2014/main" id="{11DF771D-BDC7-951A-E008-8F0D92749B56}"/>
                </a:ext>
              </a:extLst>
            </p:cNvPr>
            <p:cNvSpPr/>
            <p:nvPr/>
          </p:nvSpPr>
          <p:spPr>
            <a:xfrm>
              <a:off x="7949655" y="1759240"/>
              <a:ext cx="1639111" cy="1532511"/>
            </a:xfrm>
            <a:prstGeom prst="roundRect">
              <a:avLst>
                <a:gd name="adj" fmla="val 8127"/>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127" name="Rectangle 18">
              <a:extLst>
                <a:ext uri="{FF2B5EF4-FFF2-40B4-BE49-F238E27FC236}">
                  <a16:creationId xmlns:a16="http://schemas.microsoft.com/office/drawing/2014/main" id="{F2C02440-8E00-B5FA-BFDD-3A391A4D4FDE}"/>
                </a:ext>
              </a:extLst>
            </p:cNvPr>
            <p:cNvSpPr/>
            <p:nvPr/>
          </p:nvSpPr>
          <p:spPr>
            <a:xfrm>
              <a:off x="7949655" y="1759240"/>
              <a:ext cx="1639111"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28" name="Rectangle 14">
              <a:extLst>
                <a:ext uri="{FF2B5EF4-FFF2-40B4-BE49-F238E27FC236}">
                  <a16:creationId xmlns:a16="http://schemas.microsoft.com/office/drawing/2014/main" id="{CF46447D-E921-4E77-CFF8-85D1BA1132BD}"/>
                </a:ext>
              </a:extLst>
            </p:cNvPr>
            <p:cNvSpPr/>
            <p:nvPr/>
          </p:nvSpPr>
          <p:spPr>
            <a:xfrm>
              <a:off x="7949655" y="2007031"/>
              <a:ext cx="1355322"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29" name="Freeform: Shape 8">
            <a:extLst>
              <a:ext uri="{FF2B5EF4-FFF2-40B4-BE49-F238E27FC236}">
                <a16:creationId xmlns:a16="http://schemas.microsoft.com/office/drawing/2014/main" id="{E5C54FDE-EEFF-701F-69E3-8308F636AF53}"/>
              </a:ext>
            </a:extLst>
          </p:cNvPr>
          <p:cNvSpPr/>
          <p:nvPr userDrawn="1"/>
        </p:nvSpPr>
        <p:spPr>
          <a:xfrm>
            <a:off x="5283707" y="3438552"/>
            <a:ext cx="1521117" cy="1976493"/>
          </a:xfrm>
          <a:custGeom>
            <a:avLst/>
            <a:gdLst>
              <a:gd name="connsiteX0" fmla="*/ 0 w 1670584"/>
              <a:gd name="connsiteY0" fmla="*/ 0 h 1976493"/>
              <a:gd name="connsiteX1" fmla="*/ 149467 w 1670584"/>
              <a:gd name="connsiteY1" fmla="*/ 0 h 1976493"/>
              <a:gd name="connsiteX2" fmla="*/ 1280462 w 1670584"/>
              <a:gd name="connsiteY2" fmla="*/ 0 h 1976493"/>
              <a:gd name="connsiteX3" fmla="*/ 1521117 w 1670584"/>
              <a:gd name="connsiteY3" fmla="*/ 0 h 1976493"/>
              <a:gd name="connsiteX4" fmla="*/ 1670584 w 1670584"/>
              <a:gd name="connsiteY4" fmla="*/ 149467 h 1976493"/>
              <a:gd name="connsiteX5" fmla="*/ 1670584 w 1670584"/>
              <a:gd name="connsiteY5" fmla="*/ 1827026 h 1976493"/>
              <a:gd name="connsiteX6" fmla="*/ 1521117 w 1670584"/>
              <a:gd name="connsiteY6" fmla="*/ 1976493 h 1976493"/>
              <a:gd name="connsiteX7" fmla="*/ 149467 w 1670584"/>
              <a:gd name="connsiteY7" fmla="*/ 1976493 h 1976493"/>
              <a:gd name="connsiteX8" fmla="*/ 0 w 1670584"/>
              <a:gd name="connsiteY8" fmla="*/ 1827026 h 1976493"/>
              <a:gd name="connsiteX9" fmla="*/ 0 w 1670584"/>
              <a:gd name="connsiteY9" fmla="*/ 1552142 h 1976493"/>
              <a:gd name="connsiteX10" fmla="*/ 0 w 1670584"/>
              <a:gd name="connsiteY10" fmla="*/ 149467 h 1976493"/>
              <a:gd name="connsiteX0" fmla="*/ 1670584 w 1762024"/>
              <a:gd name="connsiteY0" fmla="*/ 149467 h 1976493"/>
              <a:gd name="connsiteX1" fmla="*/ 1670584 w 1762024"/>
              <a:gd name="connsiteY1" fmla="*/ 1827026 h 1976493"/>
              <a:gd name="connsiteX2" fmla="*/ 1521117 w 1762024"/>
              <a:gd name="connsiteY2" fmla="*/ 1976493 h 1976493"/>
              <a:gd name="connsiteX3" fmla="*/ 149467 w 1762024"/>
              <a:gd name="connsiteY3" fmla="*/ 1976493 h 1976493"/>
              <a:gd name="connsiteX4" fmla="*/ 0 w 1762024"/>
              <a:gd name="connsiteY4" fmla="*/ 1827026 h 1976493"/>
              <a:gd name="connsiteX5" fmla="*/ 0 w 1762024"/>
              <a:gd name="connsiteY5" fmla="*/ 1552142 h 1976493"/>
              <a:gd name="connsiteX6" fmla="*/ 0 w 1762024"/>
              <a:gd name="connsiteY6" fmla="*/ 149467 h 1976493"/>
              <a:gd name="connsiteX7" fmla="*/ 0 w 1762024"/>
              <a:gd name="connsiteY7" fmla="*/ 0 h 1976493"/>
              <a:gd name="connsiteX8" fmla="*/ 149467 w 1762024"/>
              <a:gd name="connsiteY8" fmla="*/ 0 h 1976493"/>
              <a:gd name="connsiteX9" fmla="*/ 1280462 w 1762024"/>
              <a:gd name="connsiteY9" fmla="*/ 0 h 1976493"/>
              <a:gd name="connsiteX10" fmla="*/ 1521117 w 1762024"/>
              <a:gd name="connsiteY10" fmla="*/ 0 h 1976493"/>
              <a:gd name="connsiteX11" fmla="*/ 1762024 w 1762024"/>
              <a:gd name="connsiteY11" fmla="*/ 240907 h 1976493"/>
              <a:gd name="connsiteX0" fmla="*/ 1670584 w 1670584"/>
              <a:gd name="connsiteY0" fmla="*/ 149467 h 1976493"/>
              <a:gd name="connsiteX1" fmla="*/ 1670584 w 1670584"/>
              <a:gd name="connsiteY1" fmla="*/ 1827026 h 1976493"/>
              <a:gd name="connsiteX2" fmla="*/ 1521117 w 1670584"/>
              <a:gd name="connsiteY2" fmla="*/ 1976493 h 1976493"/>
              <a:gd name="connsiteX3" fmla="*/ 149467 w 1670584"/>
              <a:gd name="connsiteY3" fmla="*/ 1976493 h 1976493"/>
              <a:gd name="connsiteX4" fmla="*/ 0 w 1670584"/>
              <a:gd name="connsiteY4" fmla="*/ 1827026 h 1976493"/>
              <a:gd name="connsiteX5" fmla="*/ 0 w 1670584"/>
              <a:gd name="connsiteY5" fmla="*/ 1552142 h 1976493"/>
              <a:gd name="connsiteX6" fmla="*/ 0 w 1670584"/>
              <a:gd name="connsiteY6" fmla="*/ 149467 h 1976493"/>
              <a:gd name="connsiteX7" fmla="*/ 0 w 1670584"/>
              <a:gd name="connsiteY7" fmla="*/ 0 h 1976493"/>
              <a:gd name="connsiteX8" fmla="*/ 149467 w 1670584"/>
              <a:gd name="connsiteY8" fmla="*/ 0 h 1976493"/>
              <a:gd name="connsiteX9" fmla="*/ 1280462 w 1670584"/>
              <a:gd name="connsiteY9" fmla="*/ 0 h 1976493"/>
              <a:gd name="connsiteX10" fmla="*/ 1521117 w 1670584"/>
              <a:gd name="connsiteY10" fmla="*/ 0 h 1976493"/>
              <a:gd name="connsiteX0" fmla="*/ 1670584 w 1670584"/>
              <a:gd name="connsiteY0" fmla="*/ 1827026 h 1976493"/>
              <a:gd name="connsiteX1" fmla="*/ 1521117 w 1670584"/>
              <a:gd name="connsiteY1" fmla="*/ 1976493 h 1976493"/>
              <a:gd name="connsiteX2" fmla="*/ 149467 w 1670584"/>
              <a:gd name="connsiteY2" fmla="*/ 1976493 h 1976493"/>
              <a:gd name="connsiteX3" fmla="*/ 0 w 1670584"/>
              <a:gd name="connsiteY3" fmla="*/ 1827026 h 1976493"/>
              <a:gd name="connsiteX4" fmla="*/ 0 w 1670584"/>
              <a:gd name="connsiteY4" fmla="*/ 1552142 h 1976493"/>
              <a:gd name="connsiteX5" fmla="*/ 0 w 1670584"/>
              <a:gd name="connsiteY5" fmla="*/ 149467 h 1976493"/>
              <a:gd name="connsiteX6" fmla="*/ 0 w 1670584"/>
              <a:gd name="connsiteY6" fmla="*/ 0 h 1976493"/>
              <a:gd name="connsiteX7" fmla="*/ 149467 w 1670584"/>
              <a:gd name="connsiteY7" fmla="*/ 0 h 1976493"/>
              <a:gd name="connsiteX8" fmla="*/ 1280462 w 1670584"/>
              <a:gd name="connsiteY8" fmla="*/ 0 h 1976493"/>
              <a:gd name="connsiteX9" fmla="*/ 1521117 w 1670584"/>
              <a:gd name="connsiteY9" fmla="*/ 0 h 1976493"/>
              <a:gd name="connsiteX0" fmla="*/ 1521117 w 1521117"/>
              <a:gd name="connsiteY0" fmla="*/ 1976493 h 1976493"/>
              <a:gd name="connsiteX1" fmla="*/ 149467 w 1521117"/>
              <a:gd name="connsiteY1" fmla="*/ 1976493 h 1976493"/>
              <a:gd name="connsiteX2" fmla="*/ 0 w 1521117"/>
              <a:gd name="connsiteY2" fmla="*/ 1827026 h 1976493"/>
              <a:gd name="connsiteX3" fmla="*/ 0 w 1521117"/>
              <a:gd name="connsiteY3" fmla="*/ 1552142 h 1976493"/>
              <a:gd name="connsiteX4" fmla="*/ 0 w 1521117"/>
              <a:gd name="connsiteY4" fmla="*/ 149467 h 1976493"/>
              <a:gd name="connsiteX5" fmla="*/ 0 w 1521117"/>
              <a:gd name="connsiteY5" fmla="*/ 0 h 1976493"/>
              <a:gd name="connsiteX6" fmla="*/ 149467 w 1521117"/>
              <a:gd name="connsiteY6" fmla="*/ 0 h 1976493"/>
              <a:gd name="connsiteX7" fmla="*/ 1280462 w 1521117"/>
              <a:gd name="connsiteY7" fmla="*/ 0 h 1976493"/>
              <a:gd name="connsiteX8" fmla="*/ 1521117 w 1521117"/>
              <a:gd name="connsiteY8" fmla="*/ 0 h 19764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521117" h="1976493">
                <a:moveTo>
                  <a:pt x="1521117" y="1976493"/>
                </a:moveTo>
                <a:lnTo>
                  <a:pt x="149467" y="1976493"/>
                </a:lnTo>
                <a:cubicBezTo>
                  <a:pt x="66919" y="1976493"/>
                  <a:pt x="0" y="1909574"/>
                  <a:pt x="0" y="1827026"/>
                </a:cubicBezTo>
                <a:lnTo>
                  <a:pt x="0" y="1552142"/>
                </a:lnTo>
                <a:lnTo>
                  <a:pt x="0" y="149467"/>
                </a:lnTo>
                <a:lnTo>
                  <a:pt x="0" y="0"/>
                </a:lnTo>
                <a:lnTo>
                  <a:pt x="149467" y="0"/>
                </a:lnTo>
                <a:lnTo>
                  <a:pt x="1280462" y="0"/>
                </a:lnTo>
                <a:lnTo>
                  <a:pt x="1521117" y="0"/>
                </a:lnTo>
              </a:path>
            </a:pathLst>
          </a:custGeom>
          <a:solidFill>
            <a:schemeClr val="bg2"/>
          </a:solidFill>
          <a:ln w="158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9" y="647999"/>
            <a:ext cx="6246514" cy="2052000"/>
          </a:xfrm>
        </p:spPr>
        <p:txBody>
          <a:bodyPr anchor="t" anchorCtr="0"/>
          <a:lstStyle>
            <a:lvl1pPr algn="l">
              <a:defRPr sz="4800">
                <a:solidFill>
                  <a:schemeClr val="accent1"/>
                </a:solidFill>
              </a:defRPr>
            </a:lvl1pPr>
          </a:lstStyle>
          <a:p>
            <a:r>
              <a:rPr lang="da-DK" dirty="0"/>
              <a:t>Klik for at indsætte overskrift – max. tre linjer</a:t>
            </a:r>
          </a:p>
        </p:txBody>
      </p:sp>
      <p:pic>
        <p:nvPicPr>
          <p:cNvPr id="4" name="Dynamic cover logo lilla" descr="{&quot;templafy&quot;:{&quot;id&quot;:&quot;526d54c2-3d3b-49d8-99f0-30c3ce8a2143&quot;}}">
            <a:extLst>
              <a:ext uri="{FF2B5EF4-FFF2-40B4-BE49-F238E27FC236}">
                <a16:creationId xmlns:a16="http://schemas.microsoft.com/office/drawing/2014/main" id="{C455F66A-AF98-93BB-E40A-4C53D2B3B5EE}"/>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1388347039"/>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2800"/>
                                  </p:stCondLst>
                                  <p:childTnLst>
                                    <p:animMotion origin="layout" path="M 2.29167E-6 7.40741E-7 L 2.29167E-6 0.03356 " pathEditMode="relative" rAng="0" ptsTypes="AA">
                                      <p:cBhvr>
                                        <p:cTn id="6" dur="6000" fill="hold"/>
                                        <p:tgtEl>
                                          <p:spTgt spid="40"/>
                                        </p:tgtEl>
                                        <p:attrNameLst>
                                          <p:attrName>ppt_x</p:attrName>
                                          <p:attrName>ppt_y</p:attrName>
                                        </p:attrNameLst>
                                      </p:cBhvr>
                                      <p:rCtr x="0" y="1667"/>
                                    </p:animMotion>
                                  </p:childTnLst>
                                </p:cTn>
                              </p:par>
                              <p:par>
                                <p:cTn id="7" presetID="42" presetClass="path" presetSubtype="0" repeatCount="indefinite" accel="50000" decel="50000" autoRev="1" fill="hold" grpId="0" nodeType="withEffect">
                                  <p:stCondLst>
                                    <p:cond delay="1700"/>
                                  </p:stCondLst>
                                  <p:childTnLst>
                                    <p:animMotion origin="layout" path="M 1.45833E-6 -3.7037E-6 L -0.00013 -0.1 " pathEditMode="relative" rAng="0" ptsTypes="AA">
                                      <p:cBhvr>
                                        <p:cTn id="8" dur="6750" fill="hold"/>
                                        <p:tgtEl>
                                          <p:spTgt spid="41"/>
                                        </p:tgtEl>
                                        <p:attrNameLst>
                                          <p:attrName>ppt_x</p:attrName>
                                          <p:attrName>ppt_y</p:attrName>
                                        </p:attrNameLst>
                                      </p:cBhvr>
                                      <p:rCtr x="-13" y="-5000"/>
                                    </p:animMotion>
                                  </p:childTnLst>
                                </p:cTn>
                              </p:par>
                              <p:par>
                                <p:cTn id="9" presetID="42" presetClass="path" presetSubtype="0" repeatCount="indefinite" accel="68000" decel="14000" autoRev="1" fill="hold" nodeType="withEffect">
                                  <p:stCondLst>
                                    <p:cond delay="0"/>
                                  </p:stCondLst>
                                  <p:childTnLst>
                                    <p:animMotion origin="layout" path="M 4.16667E-7 -3.7037E-7 L -0.0931 -3.7037E-7 " pathEditMode="relative" rAng="0" ptsTypes="AA">
                                      <p:cBhvr>
                                        <p:cTn id="10" dur="5500" fill="hold"/>
                                        <p:tgtEl>
                                          <p:spTgt spid="125"/>
                                        </p:tgtEl>
                                        <p:attrNameLst>
                                          <p:attrName>ppt_x</p:attrName>
                                          <p:attrName>ppt_y</p:attrName>
                                        </p:attrNameLst>
                                      </p:cBhvr>
                                      <p:rCtr x="-4661" y="0"/>
                                    </p:animMotion>
                                  </p:childTnLst>
                                </p:cTn>
                              </p:par>
                              <p:par>
                                <p:cTn id="11" presetID="42" presetClass="path" presetSubtype="0" repeatCount="indefinite" accel="68000" decel="14000" autoRev="1" fill="hold" grpId="0" nodeType="withEffect">
                                  <p:stCondLst>
                                    <p:cond delay="0"/>
                                  </p:stCondLst>
                                  <p:childTnLst>
                                    <p:animMotion origin="layout" path="M -3.125E-6 -3.7037E-7 L -0.0931 -3.7037E-7 " pathEditMode="relative" rAng="0" ptsTypes="AA">
                                      <p:cBhvr>
                                        <p:cTn id="12" dur="5500" fill="hold"/>
                                        <p:tgtEl>
                                          <p:spTgt spid="129"/>
                                        </p:tgtEl>
                                        <p:attrNameLst>
                                          <p:attrName>ppt_x</p:attrName>
                                          <p:attrName>ppt_y</p:attrName>
                                        </p:attrNameLst>
                                      </p:cBhvr>
                                      <p:rCtr x="-4661"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0" grpId="0" animBg="1"/>
      <p:bldP spid="41" grpId="0" animBg="1"/>
      <p:bldP spid="129" grpId="0" animBg="1"/>
    </p:bld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Forside med billede animation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B8B07CA3-2C59-4ADB-B7C9-DF67464564EF}" type="datetime2">
              <a:rPr lang="da-DK" smtClean="0"/>
              <a:t>11.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32" name="Kombinationstegning: figur 31">
            <a:extLst>
              <a:ext uri="{FF2B5EF4-FFF2-40B4-BE49-F238E27FC236}">
                <a16:creationId xmlns:a16="http://schemas.microsoft.com/office/drawing/2014/main" id="{58E431ED-E98C-0B05-A685-B8623369B24F}"/>
              </a:ext>
            </a:extLst>
          </p:cNvPr>
          <p:cNvSpPr/>
          <p:nvPr userDrawn="1"/>
        </p:nvSpPr>
        <p:spPr>
          <a:xfrm>
            <a:off x="6822141" y="4204446"/>
            <a:ext cx="5369859" cy="2656745"/>
          </a:xfrm>
          <a:custGeom>
            <a:avLst/>
            <a:gdLst>
              <a:gd name="connsiteX0" fmla="*/ 186052 w 5369859"/>
              <a:gd name="connsiteY0" fmla="*/ 0 h 2656745"/>
              <a:gd name="connsiteX1" fmla="*/ 662859 w 5369859"/>
              <a:gd name="connsiteY1" fmla="*/ 0 h 2656745"/>
              <a:gd name="connsiteX2" fmla="*/ 5183807 w 5369859"/>
              <a:gd name="connsiteY2" fmla="*/ 0 h 2656745"/>
              <a:gd name="connsiteX3" fmla="*/ 5369859 w 5369859"/>
              <a:gd name="connsiteY3" fmla="*/ 0 h 2656745"/>
              <a:gd name="connsiteX4" fmla="*/ 5369859 w 5369859"/>
              <a:gd name="connsiteY4" fmla="*/ 186052 h 2656745"/>
              <a:gd name="connsiteX5" fmla="*/ 5369859 w 5369859"/>
              <a:gd name="connsiteY5" fmla="*/ 429570 h 2656745"/>
              <a:gd name="connsiteX6" fmla="*/ 5369859 w 5369859"/>
              <a:gd name="connsiteY6" fmla="*/ 2470693 h 2656745"/>
              <a:gd name="connsiteX7" fmla="*/ 5369859 w 5369859"/>
              <a:gd name="connsiteY7" fmla="*/ 2656745 h 2656745"/>
              <a:gd name="connsiteX8" fmla="*/ 5183807 w 5369859"/>
              <a:gd name="connsiteY8" fmla="*/ 2656745 h 2656745"/>
              <a:gd name="connsiteX9" fmla="*/ 186052 w 5369859"/>
              <a:gd name="connsiteY9" fmla="*/ 2656745 h 2656745"/>
              <a:gd name="connsiteX10" fmla="*/ 0 w 5369859"/>
              <a:gd name="connsiteY10" fmla="*/ 2656745 h 2656745"/>
              <a:gd name="connsiteX11" fmla="*/ 0 w 5369859"/>
              <a:gd name="connsiteY11" fmla="*/ 2470693 h 2656745"/>
              <a:gd name="connsiteX12" fmla="*/ 0 w 5369859"/>
              <a:gd name="connsiteY12" fmla="*/ 429570 h 2656745"/>
              <a:gd name="connsiteX13" fmla="*/ 0 w 5369859"/>
              <a:gd name="connsiteY13" fmla="*/ 186052 h 2656745"/>
              <a:gd name="connsiteX14" fmla="*/ 186052 w 5369859"/>
              <a:gd name="connsiteY14" fmla="*/ 0 h 2656745"/>
              <a:gd name="connsiteX0" fmla="*/ 5369859 w 5461299"/>
              <a:gd name="connsiteY0" fmla="*/ 186052 h 2656745"/>
              <a:gd name="connsiteX1" fmla="*/ 5369859 w 5461299"/>
              <a:gd name="connsiteY1" fmla="*/ 429570 h 2656745"/>
              <a:gd name="connsiteX2" fmla="*/ 5369859 w 5461299"/>
              <a:gd name="connsiteY2" fmla="*/ 2470693 h 2656745"/>
              <a:gd name="connsiteX3" fmla="*/ 5369859 w 5461299"/>
              <a:gd name="connsiteY3" fmla="*/ 2656745 h 2656745"/>
              <a:gd name="connsiteX4" fmla="*/ 5183807 w 5461299"/>
              <a:gd name="connsiteY4" fmla="*/ 2656745 h 2656745"/>
              <a:gd name="connsiteX5" fmla="*/ 186052 w 5461299"/>
              <a:gd name="connsiteY5" fmla="*/ 2656745 h 2656745"/>
              <a:gd name="connsiteX6" fmla="*/ 0 w 5461299"/>
              <a:gd name="connsiteY6" fmla="*/ 2656745 h 2656745"/>
              <a:gd name="connsiteX7" fmla="*/ 0 w 5461299"/>
              <a:gd name="connsiteY7" fmla="*/ 2470693 h 2656745"/>
              <a:gd name="connsiteX8" fmla="*/ 0 w 5461299"/>
              <a:gd name="connsiteY8" fmla="*/ 429570 h 2656745"/>
              <a:gd name="connsiteX9" fmla="*/ 0 w 5461299"/>
              <a:gd name="connsiteY9" fmla="*/ 186052 h 2656745"/>
              <a:gd name="connsiteX10" fmla="*/ 186052 w 5461299"/>
              <a:gd name="connsiteY10" fmla="*/ 0 h 2656745"/>
              <a:gd name="connsiteX11" fmla="*/ 662859 w 5461299"/>
              <a:gd name="connsiteY11" fmla="*/ 0 h 2656745"/>
              <a:gd name="connsiteX12" fmla="*/ 5183807 w 5461299"/>
              <a:gd name="connsiteY12" fmla="*/ 0 h 2656745"/>
              <a:gd name="connsiteX13" fmla="*/ 5369859 w 5461299"/>
              <a:gd name="connsiteY13" fmla="*/ 0 h 2656745"/>
              <a:gd name="connsiteX14" fmla="*/ 5461299 w 5461299"/>
              <a:gd name="connsiteY14" fmla="*/ 277492 h 2656745"/>
              <a:gd name="connsiteX0" fmla="*/ 5369859 w 5461299"/>
              <a:gd name="connsiteY0" fmla="*/ 429570 h 2656745"/>
              <a:gd name="connsiteX1" fmla="*/ 5369859 w 5461299"/>
              <a:gd name="connsiteY1" fmla="*/ 2470693 h 2656745"/>
              <a:gd name="connsiteX2" fmla="*/ 5369859 w 5461299"/>
              <a:gd name="connsiteY2" fmla="*/ 2656745 h 2656745"/>
              <a:gd name="connsiteX3" fmla="*/ 5183807 w 5461299"/>
              <a:gd name="connsiteY3" fmla="*/ 2656745 h 2656745"/>
              <a:gd name="connsiteX4" fmla="*/ 186052 w 5461299"/>
              <a:gd name="connsiteY4" fmla="*/ 2656745 h 2656745"/>
              <a:gd name="connsiteX5" fmla="*/ 0 w 5461299"/>
              <a:gd name="connsiteY5" fmla="*/ 2656745 h 2656745"/>
              <a:gd name="connsiteX6" fmla="*/ 0 w 5461299"/>
              <a:gd name="connsiteY6" fmla="*/ 2470693 h 2656745"/>
              <a:gd name="connsiteX7" fmla="*/ 0 w 5461299"/>
              <a:gd name="connsiteY7" fmla="*/ 429570 h 2656745"/>
              <a:gd name="connsiteX8" fmla="*/ 0 w 5461299"/>
              <a:gd name="connsiteY8" fmla="*/ 186052 h 2656745"/>
              <a:gd name="connsiteX9" fmla="*/ 186052 w 5461299"/>
              <a:gd name="connsiteY9" fmla="*/ 0 h 2656745"/>
              <a:gd name="connsiteX10" fmla="*/ 662859 w 5461299"/>
              <a:gd name="connsiteY10" fmla="*/ 0 h 2656745"/>
              <a:gd name="connsiteX11" fmla="*/ 5183807 w 5461299"/>
              <a:gd name="connsiteY11" fmla="*/ 0 h 2656745"/>
              <a:gd name="connsiteX12" fmla="*/ 5369859 w 5461299"/>
              <a:gd name="connsiteY12" fmla="*/ 0 h 2656745"/>
              <a:gd name="connsiteX13" fmla="*/ 5461299 w 5461299"/>
              <a:gd name="connsiteY13" fmla="*/ 277492 h 2656745"/>
              <a:gd name="connsiteX0" fmla="*/ 5369859 w 5369859"/>
              <a:gd name="connsiteY0" fmla="*/ 429570 h 2656745"/>
              <a:gd name="connsiteX1" fmla="*/ 5369859 w 5369859"/>
              <a:gd name="connsiteY1" fmla="*/ 2470693 h 2656745"/>
              <a:gd name="connsiteX2" fmla="*/ 5369859 w 5369859"/>
              <a:gd name="connsiteY2" fmla="*/ 2656745 h 2656745"/>
              <a:gd name="connsiteX3" fmla="*/ 5183807 w 5369859"/>
              <a:gd name="connsiteY3" fmla="*/ 2656745 h 2656745"/>
              <a:gd name="connsiteX4" fmla="*/ 186052 w 5369859"/>
              <a:gd name="connsiteY4" fmla="*/ 2656745 h 2656745"/>
              <a:gd name="connsiteX5" fmla="*/ 0 w 5369859"/>
              <a:gd name="connsiteY5" fmla="*/ 2656745 h 2656745"/>
              <a:gd name="connsiteX6" fmla="*/ 0 w 5369859"/>
              <a:gd name="connsiteY6" fmla="*/ 2470693 h 2656745"/>
              <a:gd name="connsiteX7" fmla="*/ 0 w 5369859"/>
              <a:gd name="connsiteY7" fmla="*/ 429570 h 2656745"/>
              <a:gd name="connsiteX8" fmla="*/ 0 w 5369859"/>
              <a:gd name="connsiteY8" fmla="*/ 186052 h 2656745"/>
              <a:gd name="connsiteX9" fmla="*/ 186052 w 5369859"/>
              <a:gd name="connsiteY9" fmla="*/ 0 h 2656745"/>
              <a:gd name="connsiteX10" fmla="*/ 662859 w 5369859"/>
              <a:gd name="connsiteY10" fmla="*/ 0 h 2656745"/>
              <a:gd name="connsiteX11" fmla="*/ 5183807 w 5369859"/>
              <a:gd name="connsiteY11" fmla="*/ 0 h 2656745"/>
              <a:gd name="connsiteX12" fmla="*/ 5369859 w 5369859"/>
              <a:gd name="connsiteY12" fmla="*/ 0 h 2656745"/>
              <a:gd name="connsiteX0" fmla="*/ 5369859 w 5369859"/>
              <a:gd name="connsiteY0" fmla="*/ 2470693 h 2656745"/>
              <a:gd name="connsiteX1" fmla="*/ 5369859 w 5369859"/>
              <a:gd name="connsiteY1" fmla="*/ 2656745 h 2656745"/>
              <a:gd name="connsiteX2" fmla="*/ 5183807 w 5369859"/>
              <a:gd name="connsiteY2" fmla="*/ 2656745 h 2656745"/>
              <a:gd name="connsiteX3" fmla="*/ 186052 w 5369859"/>
              <a:gd name="connsiteY3" fmla="*/ 2656745 h 2656745"/>
              <a:gd name="connsiteX4" fmla="*/ 0 w 5369859"/>
              <a:gd name="connsiteY4" fmla="*/ 2656745 h 2656745"/>
              <a:gd name="connsiteX5" fmla="*/ 0 w 5369859"/>
              <a:gd name="connsiteY5" fmla="*/ 2470693 h 2656745"/>
              <a:gd name="connsiteX6" fmla="*/ 0 w 5369859"/>
              <a:gd name="connsiteY6" fmla="*/ 429570 h 2656745"/>
              <a:gd name="connsiteX7" fmla="*/ 0 w 5369859"/>
              <a:gd name="connsiteY7" fmla="*/ 186052 h 2656745"/>
              <a:gd name="connsiteX8" fmla="*/ 186052 w 5369859"/>
              <a:gd name="connsiteY8" fmla="*/ 0 h 2656745"/>
              <a:gd name="connsiteX9" fmla="*/ 662859 w 5369859"/>
              <a:gd name="connsiteY9" fmla="*/ 0 h 2656745"/>
              <a:gd name="connsiteX10" fmla="*/ 5183807 w 5369859"/>
              <a:gd name="connsiteY10" fmla="*/ 0 h 2656745"/>
              <a:gd name="connsiteX11" fmla="*/ 5369859 w 5369859"/>
              <a:gd name="connsiteY11" fmla="*/ 0 h 2656745"/>
              <a:gd name="connsiteX0" fmla="*/ 5369859 w 5369859"/>
              <a:gd name="connsiteY0" fmla="*/ 2656745 h 2656745"/>
              <a:gd name="connsiteX1" fmla="*/ 5183807 w 5369859"/>
              <a:gd name="connsiteY1" fmla="*/ 2656745 h 2656745"/>
              <a:gd name="connsiteX2" fmla="*/ 186052 w 5369859"/>
              <a:gd name="connsiteY2" fmla="*/ 2656745 h 2656745"/>
              <a:gd name="connsiteX3" fmla="*/ 0 w 5369859"/>
              <a:gd name="connsiteY3" fmla="*/ 2656745 h 2656745"/>
              <a:gd name="connsiteX4" fmla="*/ 0 w 5369859"/>
              <a:gd name="connsiteY4" fmla="*/ 2470693 h 2656745"/>
              <a:gd name="connsiteX5" fmla="*/ 0 w 5369859"/>
              <a:gd name="connsiteY5" fmla="*/ 429570 h 2656745"/>
              <a:gd name="connsiteX6" fmla="*/ 0 w 5369859"/>
              <a:gd name="connsiteY6" fmla="*/ 186052 h 2656745"/>
              <a:gd name="connsiteX7" fmla="*/ 186052 w 5369859"/>
              <a:gd name="connsiteY7" fmla="*/ 0 h 2656745"/>
              <a:gd name="connsiteX8" fmla="*/ 662859 w 5369859"/>
              <a:gd name="connsiteY8" fmla="*/ 0 h 2656745"/>
              <a:gd name="connsiteX9" fmla="*/ 5183807 w 5369859"/>
              <a:gd name="connsiteY9" fmla="*/ 0 h 2656745"/>
              <a:gd name="connsiteX10" fmla="*/ 5369859 w 5369859"/>
              <a:gd name="connsiteY10" fmla="*/ 0 h 2656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69859" h="2656745">
                <a:moveTo>
                  <a:pt x="5369859" y="2656745"/>
                </a:moveTo>
                <a:lnTo>
                  <a:pt x="5183807" y="2656745"/>
                </a:lnTo>
                <a:lnTo>
                  <a:pt x="186052" y="2656745"/>
                </a:lnTo>
                <a:lnTo>
                  <a:pt x="0" y="2656745"/>
                </a:lnTo>
                <a:lnTo>
                  <a:pt x="0" y="2470693"/>
                </a:lnTo>
                <a:lnTo>
                  <a:pt x="0" y="429570"/>
                </a:lnTo>
                <a:lnTo>
                  <a:pt x="0" y="186052"/>
                </a:lnTo>
                <a:cubicBezTo>
                  <a:pt x="0" y="83298"/>
                  <a:pt x="83298" y="0"/>
                  <a:pt x="186052" y="0"/>
                </a:cubicBezTo>
                <a:lnTo>
                  <a:pt x="662859" y="0"/>
                </a:lnTo>
                <a:lnTo>
                  <a:pt x="5183807" y="0"/>
                </a:lnTo>
                <a:lnTo>
                  <a:pt x="5369859"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Kombinationstegning: figur 13">
            <a:extLst>
              <a:ext uri="{FF2B5EF4-FFF2-40B4-BE49-F238E27FC236}">
                <a16:creationId xmlns:a16="http://schemas.microsoft.com/office/drawing/2014/main" id="{61B59AE7-8907-E8BA-4230-97D543C1BCA9}"/>
              </a:ext>
            </a:extLst>
          </p:cNvPr>
          <p:cNvSpPr/>
          <p:nvPr userDrawn="1"/>
        </p:nvSpPr>
        <p:spPr>
          <a:xfrm rot="16200000">
            <a:off x="10259919" y="2012391"/>
            <a:ext cx="3290420" cy="573738"/>
          </a:xfrm>
          <a:custGeom>
            <a:avLst/>
            <a:gdLst>
              <a:gd name="connsiteX0" fmla="*/ 3290420 w 3290420"/>
              <a:gd name="connsiteY0" fmla="*/ 137238 h 573739"/>
              <a:gd name="connsiteX1" fmla="*/ 3290420 w 3290420"/>
              <a:gd name="connsiteY1" fmla="*/ 436501 h 573739"/>
              <a:gd name="connsiteX2" fmla="*/ 3290420 w 3290420"/>
              <a:gd name="connsiteY2" fmla="*/ 436503 h 573739"/>
              <a:gd name="connsiteX3" fmla="*/ 3290420 w 3290420"/>
              <a:gd name="connsiteY3" fmla="*/ 573738 h 573739"/>
              <a:gd name="connsiteX4" fmla="*/ 3153187 w 3290420"/>
              <a:gd name="connsiteY4" fmla="*/ 573738 h 573739"/>
              <a:gd name="connsiteX5" fmla="*/ 3153182 w 3290420"/>
              <a:gd name="connsiteY5" fmla="*/ 573739 h 573739"/>
              <a:gd name="connsiteX6" fmla="*/ 137239 w 3290420"/>
              <a:gd name="connsiteY6" fmla="*/ 573739 h 573739"/>
              <a:gd name="connsiteX7" fmla="*/ 137234 w 3290420"/>
              <a:gd name="connsiteY7" fmla="*/ 573738 h 573739"/>
              <a:gd name="connsiteX8" fmla="*/ 0 w 3290420"/>
              <a:gd name="connsiteY8" fmla="*/ 573738 h 573739"/>
              <a:gd name="connsiteX9" fmla="*/ 0 w 3290420"/>
              <a:gd name="connsiteY9" fmla="*/ 296968 h 573739"/>
              <a:gd name="connsiteX10" fmla="*/ 1 w 3290420"/>
              <a:gd name="connsiteY10" fmla="*/ 296968 h 573739"/>
              <a:gd name="connsiteX11" fmla="*/ 1 w 3290420"/>
              <a:gd name="connsiteY11" fmla="*/ 137238 h 573739"/>
              <a:gd name="connsiteX12" fmla="*/ 137239 w 3290420"/>
              <a:gd name="connsiteY12" fmla="*/ 0 h 573739"/>
              <a:gd name="connsiteX13" fmla="*/ 3153182 w 3290420"/>
              <a:gd name="connsiteY13" fmla="*/ 0 h 573739"/>
              <a:gd name="connsiteX14" fmla="*/ 3290420 w 3290420"/>
              <a:gd name="connsiteY14" fmla="*/ 137238 h 573739"/>
              <a:gd name="connsiteX0" fmla="*/ 137234 w 3290420"/>
              <a:gd name="connsiteY0" fmla="*/ 573738 h 665178"/>
              <a:gd name="connsiteX1" fmla="*/ 0 w 3290420"/>
              <a:gd name="connsiteY1" fmla="*/ 573738 h 665178"/>
              <a:gd name="connsiteX2" fmla="*/ 0 w 3290420"/>
              <a:gd name="connsiteY2" fmla="*/ 296968 h 665178"/>
              <a:gd name="connsiteX3" fmla="*/ 1 w 3290420"/>
              <a:gd name="connsiteY3" fmla="*/ 296968 h 665178"/>
              <a:gd name="connsiteX4" fmla="*/ 1 w 3290420"/>
              <a:gd name="connsiteY4" fmla="*/ 137238 h 665178"/>
              <a:gd name="connsiteX5" fmla="*/ 137239 w 3290420"/>
              <a:gd name="connsiteY5" fmla="*/ 0 h 665178"/>
              <a:gd name="connsiteX6" fmla="*/ 3153182 w 3290420"/>
              <a:gd name="connsiteY6" fmla="*/ 0 h 665178"/>
              <a:gd name="connsiteX7" fmla="*/ 3290420 w 3290420"/>
              <a:gd name="connsiteY7" fmla="*/ 137238 h 665178"/>
              <a:gd name="connsiteX8" fmla="*/ 3290420 w 3290420"/>
              <a:gd name="connsiteY8" fmla="*/ 436501 h 665178"/>
              <a:gd name="connsiteX9" fmla="*/ 3290420 w 3290420"/>
              <a:gd name="connsiteY9" fmla="*/ 436503 h 665178"/>
              <a:gd name="connsiteX10" fmla="*/ 3290420 w 3290420"/>
              <a:gd name="connsiteY10" fmla="*/ 573738 h 665178"/>
              <a:gd name="connsiteX11" fmla="*/ 3153187 w 3290420"/>
              <a:gd name="connsiteY11" fmla="*/ 573738 h 665178"/>
              <a:gd name="connsiteX12" fmla="*/ 3153182 w 3290420"/>
              <a:gd name="connsiteY12" fmla="*/ 573739 h 665178"/>
              <a:gd name="connsiteX13" fmla="*/ 137239 w 3290420"/>
              <a:gd name="connsiteY13" fmla="*/ 573739 h 665178"/>
              <a:gd name="connsiteX14" fmla="*/ 228674 w 3290420"/>
              <a:gd name="connsiteY14" fmla="*/ 665178 h 665178"/>
              <a:gd name="connsiteX0" fmla="*/ 137234 w 3290420"/>
              <a:gd name="connsiteY0" fmla="*/ 573738 h 665178"/>
              <a:gd name="connsiteX1" fmla="*/ 0 w 3290420"/>
              <a:gd name="connsiteY1" fmla="*/ 573738 h 665178"/>
              <a:gd name="connsiteX2" fmla="*/ 0 w 3290420"/>
              <a:gd name="connsiteY2" fmla="*/ 296968 h 665178"/>
              <a:gd name="connsiteX3" fmla="*/ 1 w 3290420"/>
              <a:gd name="connsiteY3" fmla="*/ 296968 h 665178"/>
              <a:gd name="connsiteX4" fmla="*/ 1 w 3290420"/>
              <a:gd name="connsiteY4" fmla="*/ 137238 h 665178"/>
              <a:gd name="connsiteX5" fmla="*/ 137239 w 3290420"/>
              <a:gd name="connsiteY5" fmla="*/ 0 h 665178"/>
              <a:gd name="connsiteX6" fmla="*/ 3153182 w 3290420"/>
              <a:gd name="connsiteY6" fmla="*/ 0 h 665178"/>
              <a:gd name="connsiteX7" fmla="*/ 3290420 w 3290420"/>
              <a:gd name="connsiteY7" fmla="*/ 137238 h 665178"/>
              <a:gd name="connsiteX8" fmla="*/ 3290420 w 3290420"/>
              <a:gd name="connsiteY8" fmla="*/ 436501 h 665178"/>
              <a:gd name="connsiteX9" fmla="*/ 3290420 w 3290420"/>
              <a:gd name="connsiteY9" fmla="*/ 436503 h 665178"/>
              <a:gd name="connsiteX10" fmla="*/ 3290420 w 3290420"/>
              <a:gd name="connsiteY10" fmla="*/ 573738 h 665178"/>
              <a:gd name="connsiteX11" fmla="*/ 3153187 w 3290420"/>
              <a:gd name="connsiteY11" fmla="*/ 573738 h 665178"/>
              <a:gd name="connsiteX12" fmla="*/ 3153182 w 3290420"/>
              <a:gd name="connsiteY12" fmla="*/ 573739 h 665178"/>
              <a:gd name="connsiteX13" fmla="*/ 228674 w 3290420"/>
              <a:gd name="connsiteY13" fmla="*/ 665178 h 665178"/>
              <a:gd name="connsiteX0" fmla="*/ 137234 w 3290420"/>
              <a:gd name="connsiteY0" fmla="*/ 573738 h 573739"/>
              <a:gd name="connsiteX1" fmla="*/ 0 w 3290420"/>
              <a:gd name="connsiteY1" fmla="*/ 573738 h 573739"/>
              <a:gd name="connsiteX2" fmla="*/ 0 w 3290420"/>
              <a:gd name="connsiteY2" fmla="*/ 296968 h 573739"/>
              <a:gd name="connsiteX3" fmla="*/ 1 w 3290420"/>
              <a:gd name="connsiteY3" fmla="*/ 296968 h 573739"/>
              <a:gd name="connsiteX4" fmla="*/ 1 w 3290420"/>
              <a:gd name="connsiteY4" fmla="*/ 137238 h 573739"/>
              <a:gd name="connsiteX5" fmla="*/ 137239 w 3290420"/>
              <a:gd name="connsiteY5" fmla="*/ 0 h 573739"/>
              <a:gd name="connsiteX6" fmla="*/ 3153182 w 3290420"/>
              <a:gd name="connsiteY6" fmla="*/ 0 h 573739"/>
              <a:gd name="connsiteX7" fmla="*/ 3290420 w 3290420"/>
              <a:gd name="connsiteY7" fmla="*/ 137238 h 573739"/>
              <a:gd name="connsiteX8" fmla="*/ 3290420 w 3290420"/>
              <a:gd name="connsiteY8" fmla="*/ 436501 h 573739"/>
              <a:gd name="connsiteX9" fmla="*/ 3290420 w 3290420"/>
              <a:gd name="connsiteY9" fmla="*/ 436503 h 573739"/>
              <a:gd name="connsiteX10" fmla="*/ 3290420 w 3290420"/>
              <a:gd name="connsiteY10" fmla="*/ 573738 h 573739"/>
              <a:gd name="connsiteX11" fmla="*/ 3153187 w 3290420"/>
              <a:gd name="connsiteY11" fmla="*/ 573738 h 573739"/>
              <a:gd name="connsiteX12" fmla="*/ 3153182 w 3290420"/>
              <a:gd name="connsiteY12" fmla="*/ 573739 h 573739"/>
              <a:gd name="connsiteX0" fmla="*/ 0 w 3290420"/>
              <a:gd name="connsiteY0" fmla="*/ 573738 h 573739"/>
              <a:gd name="connsiteX1" fmla="*/ 0 w 3290420"/>
              <a:gd name="connsiteY1" fmla="*/ 296968 h 573739"/>
              <a:gd name="connsiteX2" fmla="*/ 1 w 3290420"/>
              <a:gd name="connsiteY2" fmla="*/ 296968 h 573739"/>
              <a:gd name="connsiteX3" fmla="*/ 1 w 3290420"/>
              <a:gd name="connsiteY3" fmla="*/ 137238 h 573739"/>
              <a:gd name="connsiteX4" fmla="*/ 137239 w 3290420"/>
              <a:gd name="connsiteY4" fmla="*/ 0 h 573739"/>
              <a:gd name="connsiteX5" fmla="*/ 3153182 w 3290420"/>
              <a:gd name="connsiteY5" fmla="*/ 0 h 573739"/>
              <a:gd name="connsiteX6" fmla="*/ 3290420 w 3290420"/>
              <a:gd name="connsiteY6" fmla="*/ 137238 h 573739"/>
              <a:gd name="connsiteX7" fmla="*/ 3290420 w 3290420"/>
              <a:gd name="connsiteY7" fmla="*/ 436501 h 573739"/>
              <a:gd name="connsiteX8" fmla="*/ 3290420 w 3290420"/>
              <a:gd name="connsiteY8" fmla="*/ 436503 h 573739"/>
              <a:gd name="connsiteX9" fmla="*/ 3290420 w 3290420"/>
              <a:gd name="connsiteY9" fmla="*/ 573738 h 573739"/>
              <a:gd name="connsiteX10" fmla="*/ 3153187 w 3290420"/>
              <a:gd name="connsiteY10" fmla="*/ 573738 h 573739"/>
              <a:gd name="connsiteX11" fmla="*/ 3153182 w 3290420"/>
              <a:gd name="connsiteY11" fmla="*/ 573739 h 573739"/>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3153182 w 3290420"/>
              <a:gd name="connsiteY5" fmla="*/ 0 h 573738"/>
              <a:gd name="connsiteX6" fmla="*/ 3290420 w 3290420"/>
              <a:gd name="connsiteY6" fmla="*/ 137238 h 573738"/>
              <a:gd name="connsiteX7" fmla="*/ 3290420 w 3290420"/>
              <a:gd name="connsiteY7" fmla="*/ 436501 h 573738"/>
              <a:gd name="connsiteX8" fmla="*/ 3290420 w 3290420"/>
              <a:gd name="connsiteY8" fmla="*/ 436503 h 573738"/>
              <a:gd name="connsiteX9" fmla="*/ 3290420 w 3290420"/>
              <a:gd name="connsiteY9" fmla="*/ 573738 h 573738"/>
              <a:gd name="connsiteX10" fmla="*/ 3153187 w 3290420"/>
              <a:gd name="connsiteY10" fmla="*/ 573738 h 573738"/>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3153182 w 3290420"/>
              <a:gd name="connsiteY5" fmla="*/ 0 h 573738"/>
              <a:gd name="connsiteX6" fmla="*/ 3290420 w 3290420"/>
              <a:gd name="connsiteY6" fmla="*/ 137238 h 573738"/>
              <a:gd name="connsiteX7" fmla="*/ 3290420 w 3290420"/>
              <a:gd name="connsiteY7" fmla="*/ 436501 h 573738"/>
              <a:gd name="connsiteX8" fmla="*/ 3290420 w 3290420"/>
              <a:gd name="connsiteY8" fmla="*/ 436503 h 573738"/>
              <a:gd name="connsiteX9" fmla="*/ 3290420 w 3290420"/>
              <a:gd name="connsiteY9" fmla="*/ 573738 h 5737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90420" h="573738">
                <a:moveTo>
                  <a:pt x="0" y="573738"/>
                </a:moveTo>
                <a:lnTo>
                  <a:pt x="0" y="296968"/>
                </a:lnTo>
                <a:lnTo>
                  <a:pt x="1" y="296968"/>
                </a:lnTo>
                <a:lnTo>
                  <a:pt x="1" y="137238"/>
                </a:lnTo>
                <a:cubicBezTo>
                  <a:pt x="1" y="61444"/>
                  <a:pt x="61445" y="0"/>
                  <a:pt x="137239" y="0"/>
                </a:cubicBezTo>
                <a:lnTo>
                  <a:pt x="3153182" y="0"/>
                </a:lnTo>
                <a:cubicBezTo>
                  <a:pt x="3228976" y="0"/>
                  <a:pt x="3290420" y="61444"/>
                  <a:pt x="3290420" y="137238"/>
                </a:cubicBezTo>
                <a:lnTo>
                  <a:pt x="3290420" y="436501"/>
                </a:lnTo>
                <a:lnTo>
                  <a:pt x="3290420" y="436503"/>
                </a:lnTo>
                <a:lnTo>
                  <a:pt x="3290420" y="57373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3" name="Kombinationstegning: figur 12">
            <a:extLst>
              <a:ext uri="{FF2B5EF4-FFF2-40B4-BE49-F238E27FC236}">
                <a16:creationId xmlns:a16="http://schemas.microsoft.com/office/drawing/2014/main" id="{48A5DC69-715C-A5CB-06D3-FD6482E72F48}"/>
              </a:ext>
            </a:extLst>
          </p:cNvPr>
          <p:cNvSpPr/>
          <p:nvPr userDrawn="1"/>
        </p:nvSpPr>
        <p:spPr>
          <a:xfrm rot="5400000">
            <a:off x="-527441" y="2744108"/>
            <a:ext cx="2656746" cy="1601868"/>
          </a:xfrm>
          <a:custGeom>
            <a:avLst/>
            <a:gdLst>
              <a:gd name="connsiteX0" fmla="*/ 0 w 2656746"/>
              <a:gd name="connsiteY0" fmla="*/ 1439807 h 1601868"/>
              <a:gd name="connsiteX1" fmla="*/ 0 w 2656746"/>
              <a:gd name="connsiteY1" fmla="*/ 162061 h 1601868"/>
              <a:gd name="connsiteX2" fmla="*/ 162061 w 2656746"/>
              <a:gd name="connsiteY2" fmla="*/ 0 h 1601868"/>
              <a:gd name="connsiteX3" fmla="*/ 2494683 w 2656746"/>
              <a:gd name="connsiteY3" fmla="*/ 0 h 1601868"/>
              <a:gd name="connsiteX4" fmla="*/ 2656744 w 2656746"/>
              <a:gd name="connsiteY4" fmla="*/ 162061 h 1601868"/>
              <a:gd name="connsiteX5" fmla="*/ 2656744 w 2656746"/>
              <a:gd name="connsiteY5" fmla="*/ 259006 h 1601868"/>
              <a:gd name="connsiteX6" fmla="*/ 2656746 w 2656746"/>
              <a:gd name="connsiteY6" fmla="*/ 259006 h 1601868"/>
              <a:gd name="connsiteX7" fmla="*/ 2656746 w 2656746"/>
              <a:gd name="connsiteY7" fmla="*/ 1601868 h 1601868"/>
              <a:gd name="connsiteX8" fmla="*/ 2494683 w 2656746"/>
              <a:gd name="connsiteY8" fmla="*/ 1601868 h 1601868"/>
              <a:gd name="connsiteX9" fmla="*/ 162061 w 2656746"/>
              <a:gd name="connsiteY9" fmla="*/ 1601868 h 1601868"/>
              <a:gd name="connsiteX10" fmla="*/ 2 w 2656746"/>
              <a:gd name="connsiteY10" fmla="*/ 1601868 h 1601868"/>
              <a:gd name="connsiteX11" fmla="*/ 2 w 2656746"/>
              <a:gd name="connsiteY11" fmla="*/ 1439817 h 1601868"/>
              <a:gd name="connsiteX0" fmla="*/ 2 w 2656746"/>
              <a:gd name="connsiteY0" fmla="*/ 1601868 h 1693308"/>
              <a:gd name="connsiteX1" fmla="*/ 2 w 2656746"/>
              <a:gd name="connsiteY1" fmla="*/ 1439817 h 1693308"/>
              <a:gd name="connsiteX2" fmla="*/ 0 w 2656746"/>
              <a:gd name="connsiteY2" fmla="*/ 1439807 h 1693308"/>
              <a:gd name="connsiteX3" fmla="*/ 0 w 2656746"/>
              <a:gd name="connsiteY3" fmla="*/ 162061 h 1693308"/>
              <a:gd name="connsiteX4" fmla="*/ 162061 w 2656746"/>
              <a:gd name="connsiteY4" fmla="*/ 0 h 1693308"/>
              <a:gd name="connsiteX5" fmla="*/ 2494683 w 2656746"/>
              <a:gd name="connsiteY5" fmla="*/ 0 h 1693308"/>
              <a:gd name="connsiteX6" fmla="*/ 2656744 w 2656746"/>
              <a:gd name="connsiteY6" fmla="*/ 162061 h 1693308"/>
              <a:gd name="connsiteX7" fmla="*/ 2656744 w 2656746"/>
              <a:gd name="connsiteY7" fmla="*/ 259006 h 1693308"/>
              <a:gd name="connsiteX8" fmla="*/ 2656746 w 2656746"/>
              <a:gd name="connsiteY8" fmla="*/ 259006 h 1693308"/>
              <a:gd name="connsiteX9" fmla="*/ 2656746 w 2656746"/>
              <a:gd name="connsiteY9" fmla="*/ 1601868 h 1693308"/>
              <a:gd name="connsiteX10" fmla="*/ 2494683 w 2656746"/>
              <a:gd name="connsiteY10" fmla="*/ 1601868 h 1693308"/>
              <a:gd name="connsiteX11" fmla="*/ 162061 w 2656746"/>
              <a:gd name="connsiteY11" fmla="*/ 1601868 h 1693308"/>
              <a:gd name="connsiteX12" fmla="*/ 91442 w 2656746"/>
              <a:gd name="connsiteY12" fmla="*/ 1693308 h 169330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11" fmla="*/ 162061 w 2656746"/>
              <a:gd name="connsiteY11"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56746" h="1601868">
                <a:moveTo>
                  <a:pt x="2" y="1601868"/>
                </a:moveTo>
                <a:lnTo>
                  <a:pt x="2" y="1439817"/>
                </a:lnTo>
                <a:cubicBezTo>
                  <a:pt x="1" y="1439814"/>
                  <a:pt x="1" y="1439810"/>
                  <a:pt x="0" y="1439807"/>
                </a:cubicBezTo>
                <a:lnTo>
                  <a:pt x="0" y="162061"/>
                </a:lnTo>
                <a:cubicBezTo>
                  <a:pt x="0" y="72557"/>
                  <a:pt x="72557" y="0"/>
                  <a:pt x="162061" y="0"/>
                </a:cubicBezTo>
                <a:lnTo>
                  <a:pt x="2494683" y="0"/>
                </a:lnTo>
                <a:cubicBezTo>
                  <a:pt x="2584187" y="0"/>
                  <a:pt x="2656744" y="72557"/>
                  <a:pt x="2656744" y="162061"/>
                </a:cubicBezTo>
                <a:lnTo>
                  <a:pt x="2656744" y="259006"/>
                </a:lnTo>
                <a:lnTo>
                  <a:pt x="2656746" y="259006"/>
                </a:lnTo>
                <a:lnTo>
                  <a:pt x="2656746" y="160186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7" name="Freeform: Shape 79">
            <a:extLst>
              <a:ext uri="{FF2B5EF4-FFF2-40B4-BE49-F238E27FC236}">
                <a16:creationId xmlns:a16="http://schemas.microsoft.com/office/drawing/2014/main" id="{441A6F05-6F6E-988B-FA5B-FB1CCAE99F15}"/>
              </a:ext>
            </a:extLst>
          </p:cNvPr>
          <p:cNvSpPr/>
          <p:nvPr userDrawn="1"/>
        </p:nvSpPr>
        <p:spPr>
          <a:xfrm rot="5400000">
            <a:off x="-1016912" y="2810669"/>
            <a:ext cx="1740665" cy="6383726"/>
          </a:xfrm>
          <a:custGeom>
            <a:avLst/>
            <a:gdLst>
              <a:gd name="connsiteX0" fmla="*/ 0 w 1740665"/>
              <a:gd name="connsiteY0" fmla="*/ 6383726 h 6559829"/>
              <a:gd name="connsiteX1" fmla="*/ 0 w 1740665"/>
              <a:gd name="connsiteY1" fmla="*/ 176104 h 6559829"/>
              <a:gd name="connsiteX2" fmla="*/ 176103 w 1740665"/>
              <a:gd name="connsiteY2" fmla="*/ 1 h 6559829"/>
              <a:gd name="connsiteX3" fmla="*/ 566238 w 1740665"/>
              <a:gd name="connsiteY3" fmla="*/ 1 h 6559829"/>
              <a:gd name="connsiteX4" fmla="*/ 566238 w 1740665"/>
              <a:gd name="connsiteY4" fmla="*/ 0 h 6559829"/>
              <a:gd name="connsiteX5" fmla="*/ 1740665 w 1740665"/>
              <a:gd name="connsiteY5" fmla="*/ 0 h 6559829"/>
              <a:gd name="connsiteX6" fmla="*/ 1740665 w 1740665"/>
              <a:gd name="connsiteY6" fmla="*/ 6551498 h 6559829"/>
              <a:gd name="connsiteX7" fmla="*/ 1605825 w 1740665"/>
              <a:gd name="connsiteY7" fmla="*/ 6551498 h 6559829"/>
              <a:gd name="connsiteX8" fmla="*/ 1564562 w 1740665"/>
              <a:gd name="connsiteY8" fmla="*/ 6559829 h 6559829"/>
              <a:gd name="connsiteX9" fmla="*/ 176103 w 1740665"/>
              <a:gd name="connsiteY9" fmla="*/ 6559829 h 6559829"/>
              <a:gd name="connsiteX10" fmla="*/ 0 w 1740665"/>
              <a:gd name="connsiteY10" fmla="*/ 6383726 h 6559829"/>
              <a:gd name="connsiteX0" fmla="*/ 1740665 w 1832105"/>
              <a:gd name="connsiteY0" fmla="*/ 6551498 h 6642938"/>
              <a:gd name="connsiteX1" fmla="*/ 1605825 w 1832105"/>
              <a:gd name="connsiteY1" fmla="*/ 6551498 h 6642938"/>
              <a:gd name="connsiteX2" fmla="*/ 1564562 w 1832105"/>
              <a:gd name="connsiteY2" fmla="*/ 6559829 h 6642938"/>
              <a:gd name="connsiteX3" fmla="*/ 176103 w 1832105"/>
              <a:gd name="connsiteY3" fmla="*/ 6559829 h 6642938"/>
              <a:gd name="connsiteX4" fmla="*/ 0 w 1832105"/>
              <a:gd name="connsiteY4" fmla="*/ 6383726 h 6642938"/>
              <a:gd name="connsiteX5" fmla="*/ 0 w 1832105"/>
              <a:gd name="connsiteY5" fmla="*/ 176104 h 6642938"/>
              <a:gd name="connsiteX6" fmla="*/ 176103 w 1832105"/>
              <a:gd name="connsiteY6" fmla="*/ 1 h 6642938"/>
              <a:gd name="connsiteX7" fmla="*/ 566238 w 1832105"/>
              <a:gd name="connsiteY7" fmla="*/ 1 h 6642938"/>
              <a:gd name="connsiteX8" fmla="*/ 566238 w 1832105"/>
              <a:gd name="connsiteY8" fmla="*/ 0 h 6642938"/>
              <a:gd name="connsiteX9" fmla="*/ 1740665 w 1832105"/>
              <a:gd name="connsiteY9" fmla="*/ 0 h 6642938"/>
              <a:gd name="connsiteX10" fmla="*/ 1832105 w 1832105"/>
              <a:gd name="connsiteY10" fmla="*/ 6642938 h 6642938"/>
              <a:gd name="connsiteX0" fmla="*/ 1740665 w 1740665"/>
              <a:gd name="connsiteY0" fmla="*/ 6551498 h 6559829"/>
              <a:gd name="connsiteX1" fmla="*/ 1605825 w 1740665"/>
              <a:gd name="connsiteY1" fmla="*/ 6551498 h 6559829"/>
              <a:gd name="connsiteX2" fmla="*/ 1564562 w 1740665"/>
              <a:gd name="connsiteY2" fmla="*/ 6559829 h 6559829"/>
              <a:gd name="connsiteX3" fmla="*/ 176103 w 1740665"/>
              <a:gd name="connsiteY3" fmla="*/ 6559829 h 6559829"/>
              <a:gd name="connsiteX4" fmla="*/ 0 w 1740665"/>
              <a:gd name="connsiteY4" fmla="*/ 6383726 h 6559829"/>
              <a:gd name="connsiteX5" fmla="*/ 0 w 1740665"/>
              <a:gd name="connsiteY5" fmla="*/ 176104 h 6559829"/>
              <a:gd name="connsiteX6" fmla="*/ 176103 w 1740665"/>
              <a:gd name="connsiteY6" fmla="*/ 1 h 6559829"/>
              <a:gd name="connsiteX7" fmla="*/ 566238 w 1740665"/>
              <a:gd name="connsiteY7" fmla="*/ 1 h 6559829"/>
              <a:gd name="connsiteX8" fmla="*/ 566238 w 1740665"/>
              <a:gd name="connsiteY8" fmla="*/ 0 h 6559829"/>
              <a:gd name="connsiteX9" fmla="*/ 1740665 w 1740665"/>
              <a:gd name="connsiteY9" fmla="*/ 0 h 6559829"/>
              <a:gd name="connsiteX0" fmla="*/ 1605825 w 1740665"/>
              <a:gd name="connsiteY0" fmla="*/ 6551498 h 6559829"/>
              <a:gd name="connsiteX1" fmla="*/ 1564562 w 1740665"/>
              <a:gd name="connsiteY1" fmla="*/ 6559829 h 6559829"/>
              <a:gd name="connsiteX2" fmla="*/ 176103 w 1740665"/>
              <a:gd name="connsiteY2" fmla="*/ 6559829 h 6559829"/>
              <a:gd name="connsiteX3" fmla="*/ 0 w 1740665"/>
              <a:gd name="connsiteY3" fmla="*/ 6383726 h 6559829"/>
              <a:gd name="connsiteX4" fmla="*/ 0 w 1740665"/>
              <a:gd name="connsiteY4" fmla="*/ 176104 h 6559829"/>
              <a:gd name="connsiteX5" fmla="*/ 176103 w 1740665"/>
              <a:gd name="connsiteY5" fmla="*/ 1 h 6559829"/>
              <a:gd name="connsiteX6" fmla="*/ 566238 w 1740665"/>
              <a:gd name="connsiteY6" fmla="*/ 1 h 6559829"/>
              <a:gd name="connsiteX7" fmla="*/ 566238 w 1740665"/>
              <a:gd name="connsiteY7" fmla="*/ 0 h 6559829"/>
              <a:gd name="connsiteX8" fmla="*/ 1740665 w 1740665"/>
              <a:gd name="connsiteY8" fmla="*/ 0 h 6559829"/>
              <a:gd name="connsiteX0" fmla="*/ 1605825 w 1740665"/>
              <a:gd name="connsiteY0" fmla="*/ 6551498 h 6559829"/>
              <a:gd name="connsiteX1" fmla="*/ 176103 w 1740665"/>
              <a:gd name="connsiteY1" fmla="*/ 6559829 h 6559829"/>
              <a:gd name="connsiteX2" fmla="*/ 0 w 1740665"/>
              <a:gd name="connsiteY2" fmla="*/ 6383726 h 6559829"/>
              <a:gd name="connsiteX3" fmla="*/ 0 w 1740665"/>
              <a:gd name="connsiteY3" fmla="*/ 176104 h 6559829"/>
              <a:gd name="connsiteX4" fmla="*/ 176103 w 1740665"/>
              <a:gd name="connsiteY4" fmla="*/ 1 h 6559829"/>
              <a:gd name="connsiteX5" fmla="*/ 566238 w 1740665"/>
              <a:gd name="connsiteY5" fmla="*/ 1 h 6559829"/>
              <a:gd name="connsiteX6" fmla="*/ 566238 w 1740665"/>
              <a:gd name="connsiteY6" fmla="*/ 0 h 6559829"/>
              <a:gd name="connsiteX7" fmla="*/ 1740665 w 1740665"/>
              <a:gd name="connsiteY7" fmla="*/ 0 h 6559829"/>
              <a:gd name="connsiteX0" fmla="*/ 176103 w 1740665"/>
              <a:gd name="connsiteY0" fmla="*/ 6559829 h 6559829"/>
              <a:gd name="connsiteX1" fmla="*/ 0 w 1740665"/>
              <a:gd name="connsiteY1" fmla="*/ 6383726 h 6559829"/>
              <a:gd name="connsiteX2" fmla="*/ 0 w 1740665"/>
              <a:gd name="connsiteY2" fmla="*/ 176104 h 6559829"/>
              <a:gd name="connsiteX3" fmla="*/ 176103 w 1740665"/>
              <a:gd name="connsiteY3" fmla="*/ 1 h 6559829"/>
              <a:gd name="connsiteX4" fmla="*/ 566238 w 1740665"/>
              <a:gd name="connsiteY4" fmla="*/ 1 h 6559829"/>
              <a:gd name="connsiteX5" fmla="*/ 566238 w 1740665"/>
              <a:gd name="connsiteY5" fmla="*/ 0 h 6559829"/>
              <a:gd name="connsiteX6" fmla="*/ 1740665 w 1740665"/>
              <a:gd name="connsiteY6" fmla="*/ 0 h 6559829"/>
              <a:gd name="connsiteX0" fmla="*/ 0 w 1740665"/>
              <a:gd name="connsiteY0" fmla="*/ 6383726 h 6383726"/>
              <a:gd name="connsiteX1" fmla="*/ 0 w 1740665"/>
              <a:gd name="connsiteY1" fmla="*/ 176104 h 6383726"/>
              <a:gd name="connsiteX2" fmla="*/ 176103 w 1740665"/>
              <a:gd name="connsiteY2" fmla="*/ 1 h 6383726"/>
              <a:gd name="connsiteX3" fmla="*/ 566238 w 1740665"/>
              <a:gd name="connsiteY3" fmla="*/ 1 h 6383726"/>
              <a:gd name="connsiteX4" fmla="*/ 566238 w 1740665"/>
              <a:gd name="connsiteY4" fmla="*/ 0 h 6383726"/>
              <a:gd name="connsiteX5" fmla="*/ 1740665 w 1740665"/>
              <a:gd name="connsiteY5" fmla="*/ 0 h 6383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40665" h="6383726">
                <a:moveTo>
                  <a:pt x="0" y="6383726"/>
                </a:moveTo>
                <a:lnTo>
                  <a:pt x="0" y="176104"/>
                </a:lnTo>
                <a:cubicBezTo>
                  <a:pt x="0" y="78845"/>
                  <a:pt x="78844" y="1"/>
                  <a:pt x="176103" y="1"/>
                </a:cubicBezTo>
                <a:lnTo>
                  <a:pt x="566238" y="1"/>
                </a:lnTo>
                <a:lnTo>
                  <a:pt x="566238" y="0"/>
                </a:lnTo>
                <a:lnTo>
                  <a:pt x="174066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176789" cy="1548000"/>
          </a:xfrm>
        </p:spPr>
        <p:txBody>
          <a:bodyPr anchor="t" anchorCtr="0"/>
          <a:lstStyle>
            <a:lvl1pPr algn="l">
              <a:defRPr sz="4800">
                <a:solidFill>
                  <a:schemeClr val="bg1"/>
                </a:solidFill>
              </a:defRPr>
            </a:lvl1pPr>
          </a:lstStyle>
          <a:p>
            <a:r>
              <a:rPr lang="da-DK" dirty="0"/>
              <a:t>Klik for at indsætte overskrift – max. to linjer</a:t>
            </a:r>
          </a:p>
        </p:txBody>
      </p:sp>
      <p:grpSp>
        <p:nvGrpSpPr>
          <p:cNvPr id="37" name="Group 58">
            <a:extLst>
              <a:ext uri="{FF2B5EF4-FFF2-40B4-BE49-F238E27FC236}">
                <a16:creationId xmlns:a16="http://schemas.microsoft.com/office/drawing/2014/main" id="{BAF1B47A-B759-092B-B58C-CBC2E7A498FA}"/>
              </a:ext>
            </a:extLst>
          </p:cNvPr>
          <p:cNvGrpSpPr/>
          <p:nvPr userDrawn="1"/>
        </p:nvGrpSpPr>
        <p:grpSpPr>
          <a:xfrm>
            <a:off x="1857489" y="3761682"/>
            <a:ext cx="1817000" cy="1111735"/>
            <a:chOff x="7918183" y="1759240"/>
            <a:chExt cx="1670583" cy="1532511"/>
          </a:xfrm>
          <a:solidFill>
            <a:srgbClr val="38025C"/>
          </a:solidFill>
        </p:grpSpPr>
        <p:sp>
          <p:nvSpPr>
            <p:cNvPr id="38" name="Rectangle: Rounded Corners 59">
              <a:extLst>
                <a:ext uri="{FF2B5EF4-FFF2-40B4-BE49-F238E27FC236}">
                  <a16:creationId xmlns:a16="http://schemas.microsoft.com/office/drawing/2014/main" id="{E41337C5-2DC8-08C4-A54E-AC76FBAE472B}"/>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39" name="Rectangle 60">
              <a:extLst>
                <a:ext uri="{FF2B5EF4-FFF2-40B4-BE49-F238E27FC236}">
                  <a16:creationId xmlns:a16="http://schemas.microsoft.com/office/drawing/2014/main" id="{C0501B15-3976-4459-60C3-51010BD5C331}"/>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0" name="Group 58">
            <a:extLst>
              <a:ext uri="{FF2B5EF4-FFF2-40B4-BE49-F238E27FC236}">
                <a16:creationId xmlns:a16="http://schemas.microsoft.com/office/drawing/2014/main" id="{8BAF4F7A-302A-90D9-CC50-4F1CCE096C98}"/>
              </a:ext>
            </a:extLst>
          </p:cNvPr>
          <p:cNvGrpSpPr/>
          <p:nvPr userDrawn="1"/>
        </p:nvGrpSpPr>
        <p:grpSpPr>
          <a:xfrm>
            <a:off x="1857489" y="3761682"/>
            <a:ext cx="1817000" cy="1111735"/>
            <a:chOff x="7918183" y="1759240"/>
            <a:chExt cx="1670583" cy="1532511"/>
          </a:xfrm>
          <a:solidFill>
            <a:srgbClr val="38025C"/>
          </a:solidFill>
        </p:grpSpPr>
        <p:sp>
          <p:nvSpPr>
            <p:cNvPr id="41" name="Rectangle: Rounded Corners 59">
              <a:extLst>
                <a:ext uri="{FF2B5EF4-FFF2-40B4-BE49-F238E27FC236}">
                  <a16:creationId xmlns:a16="http://schemas.microsoft.com/office/drawing/2014/main" id="{7F495901-2FCD-935E-864C-FB7723FCF613}"/>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42" name="Rectangle 60">
              <a:extLst>
                <a:ext uri="{FF2B5EF4-FFF2-40B4-BE49-F238E27FC236}">
                  <a16:creationId xmlns:a16="http://schemas.microsoft.com/office/drawing/2014/main" id="{CD65BFB9-081F-8714-5D14-70639F227398}"/>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3" name="Gruppe 11">
            <a:extLst>
              <a:ext uri="{FF2B5EF4-FFF2-40B4-BE49-F238E27FC236}">
                <a16:creationId xmlns:a16="http://schemas.microsoft.com/office/drawing/2014/main" id="{E72A7556-80CC-2D94-7BE4-48D508531CA0}"/>
              </a:ext>
            </a:extLst>
          </p:cNvPr>
          <p:cNvGrpSpPr/>
          <p:nvPr userDrawn="1"/>
        </p:nvGrpSpPr>
        <p:grpSpPr>
          <a:xfrm>
            <a:off x="9544636" y="2653551"/>
            <a:ext cx="1818002" cy="1290917"/>
            <a:chOff x="9525589" y="2653551"/>
            <a:chExt cx="1818002" cy="1290917"/>
          </a:xfrm>
          <a:solidFill>
            <a:srgbClr val="38025C"/>
          </a:solidFill>
        </p:grpSpPr>
        <p:sp>
          <p:nvSpPr>
            <p:cNvPr id="44" name="Kombinationstegning: figur 10">
              <a:extLst>
                <a:ext uri="{FF2B5EF4-FFF2-40B4-BE49-F238E27FC236}">
                  <a16:creationId xmlns:a16="http://schemas.microsoft.com/office/drawing/2014/main" id="{18C7E34A-422F-43B2-82D4-5A50020F9A29}"/>
                </a:ext>
              </a:extLst>
            </p:cNvPr>
            <p:cNvSpPr/>
            <p:nvPr/>
          </p:nvSpPr>
          <p:spPr>
            <a:xfrm rot="10800000">
              <a:off x="9525589" y="2653551"/>
              <a:ext cx="1818000" cy="1290917"/>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45" name="Kombinationstegning: figur 5">
              <a:extLst>
                <a:ext uri="{FF2B5EF4-FFF2-40B4-BE49-F238E27FC236}">
                  <a16:creationId xmlns:a16="http://schemas.microsoft.com/office/drawing/2014/main" id="{4C4CBFA9-708B-05EB-2E3E-A65BFBDA16C2}"/>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grpSp>
        <p:nvGrpSpPr>
          <p:cNvPr id="46" name="Gruppe 11">
            <a:extLst>
              <a:ext uri="{FF2B5EF4-FFF2-40B4-BE49-F238E27FC236}">
                <a16:creationId xmlns:a16="http://schemas.microsoft.com/office/drawing/2014/main" id="{DBDAE1EB-8CD4-81B7-FC29-CDDDCE37D48B}"/>
              </a:ext>
            </a:extLst>
          </p:cNvPr>
          <p:cNvGrpSpPr/>
          <p:nvPr userDrawn="1"/>
        </p:nvGrpSpPr>
        <p:grpSpPr>
          <a:xfrm>
            <a:off x="9544636" y="2236384"/>
            <a:ext cx="1818002" cy="1401760"/>
            <a:chOff x="9525589" y="2653550"/>
            <a:chExt cx="1818002" cy="1401760"/>
          </a:xfrm>
          <a:solidFill>
            <a:srgbClr val="38025C"/>
          </a:solidFill>
        </p:grpSpPr>
        <p:sp>
          <p:nvSpPr>
            <p:cNvPr id="51" name="Kombinationstegning: figur 10">
              <a:extLst>
                <a:ext uri="{FF2B5EF4-FFF2-40B4-BE49-F238E27FC236}">
                  <a16:creationId xmlns:a16="http://schemas.microsoft.com/office/drawing/2014/main" id="{220EA7B0-5403-836C-6F99-E2E4D14A708D}"/>
                </a:ext>
              </a:extLst>
            </p:cNvPr>
            <p:cNvSpPr/>
            <p:nvPr/>
          </p:nvSpPr>
          <p:spPr>
            <a:xfrm rot="10800000">
              <a:off x="9525589" y="2653550"/>
              <a:ext cx="1818000" cy="1401760"/>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52" name="Kombinationstegning: figur 5">
              <a:extLst>
                <a:ext uri="{FF2B5EF4-FFF2-40B4-BE49-F238E27FC236}">
                  <a16:creationId xmlns:a16="http://schemas.microsoft.com/office/drawing/2014/main" id="{D85D167A-12E0-BF65-AC24-439FAC92329B}"/>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sp>
        <p:nvSpPr>
          <p:cNvPr id="4" name="TextBox 16">
            <a:extLst>
              <a:ext uri="{FF2B5EF4-FFF2-40B4-BE49-F238E27FC236}">
                <a16:creationId xmlns:a16="http://schemas.microsoft.com/office/drawing/2014/main" id="{2AE2448E-0C0D-3BFF-E7A8-4BD44732D48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pic>
        <p:nvPicPr>
          <p:cNvPr id="5" name="Dynamic cover logo hvid" descr="{&quot;templafy&quot;:{&quot;id&quot;:&quot;28122f90-3057-4f25-8290-76663e1b60f6&quot;}}">
            <a:extLst>
              <a:ext uri="{FF2B5EF4-FFF2-40B4-BE49-F238E27FC236}">
                <a16:creationId xmlns:a16="http://schemas.microsoft.com/office/drawing/2014/main" id="{C8533463-659B-A588-F84A-8D51E198067E}"/>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3689267928"/>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6000"/>
                                  </p:stCondLst>
                                  <p:childTnLst>
                                    <p:animMotion origin="layout" path="M -8.33333E-7 -1.48148E-6 L 0.21224 -1.48148E-6 " pathEditMode="relative" rAng="0" ptsTypes="AA">
                                      <p:cBhvr>
                                        <p:cTn id="6" dur="5000" fill="hold"/>
                                        <p:tgtEl>
                                          <p:spTgt spid="47"/>
                                        </p:tgtEl>
                                        <p:attrNameLst>
                                          <p:attrName>ppt_x</p:attrName>
                                          <p:attrName>ppt_y</p:attrName>
                                        </p:attrNameLst>
                                      </p:cBhvr>
                                      <p:rCtr x="10612" y="0"/>
                                    </p:animMotion>
                                  </p:childTnLst>
                                </p:cTn>
                              </p:par>
                              <p:par>
                                <p:cTn id="7" presetID="64" presetClass="path" presetSubtype="0" repeatCount="indefinite" accel="50000" decel="50000" autoRev="1" fill="hold" nodeType="withEffect">
                                  <p:stCondLst>
                                    <p:cond delay="1700"/>
                                  </p:stCondLst>
                                  <p:childTnLst>
                                    <p:animMotion origin="layout" path="M -1.875E-6 -7.40741E-7 L -1.875E-6 -0.09699 " pathEditMode="relative" rAng="0" ptsTypes="AA">
                                      <p:cBhvr>
                                        <p:cTn id="8" dur="6750" fill="hold"/>
                                        <p:tgtEl>
                                          <p:spTgt spid="46"/>
                                        </p:tgtEl>
                                        <p:attrNameLst>
                                          <p:attrName>ppt_x</p:attrName>
                                          <p:attrName>ppt_y</p:attrName>
                                        </p:attrNameLst>
                                      </p:cBhvr>
                                      <p:rCtr x="0" y="-4861"/>
                                    </p:animMotion>
                                  </p:childTnLst>
                                </p:cTn>
                              </p:par>
                              <p:par>
                                <p:cTn id="9" presetID="64" presetClass="path" presetSubtype="0" repeatCount="indefinite" accel="50000" decel="50000" autoRev="1" fill="hold" nodeType="withEffect">
                                  <p:stCondLst>
                                    <p:cond delay="2300"/>
                                  </p:stCondLst>
                                  <p:childTnLst>
                                    <p:animMotion origin="layout" path="M -1.875E-6 1.48148E-6 L -1.875E-6 -0.02917 " pathEditMode="relative" rAng="0" ptsTypes="AA">
                                      <p:cBhvr>
                                        <p:cTn id="10" dur="6750" fill="hold"/>
                                        <p:tgtEl>
                                          <p:spTgt spid="43"/>
                                        </p:tgtEl>
                                        <p:attrNameLst>
                                          <p:attrName>ppt_x</p:attrName>
                                          <p:attrName>ppt_y</p:attrName>
                                        </p:attrNameLst>
                                      </p:cBhvr>
                                      <p:rCtr x="0" y="-1458"/>
                                    </p:animMotion>
                                  </p:childTnLst>
                                </p:cTn>
                              </p:par>
                              <p:par>
                                <p:cTn id="11" presetID="42" presetClass="path" presetSubtype="0" repeatCount="indefinite" accel="50000" decel="50000" autoRev="1" fill="hold" nodeType="withEffect">
                                  <p:stCondLst>
                                    <p:cond delay="0"/>
                                  </p:stCondLst>
                                  <p:childTnLst>
                                    <p:animMotion origin="layout" path="M -2.91667E-6 3.7037E-7 L 0.05742 3.7037E-7 " pathEditMode="relative" rAng="0" ptsTypes="AA">
                                      <p:cBhvr>
                                        <p:cTn id="12" dur="6750" fill="hold"/>
                                        <p:tgtEl>
                                          <p:spTgt spid="40"/>
                                        </p:tgtEl>
                                        <p:attrNameLst>
                                          <p:attrName>ppt_x</p:attrName>
                                          <p:attrName>ppt_y</p:attrName>
                                        </p:attrNameLst>
                                      </p:cBhvr>
                                      <p:rCtr x="286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7" grpId="0" animBg="1"/>
    </p:bldLst>
  </p:timing>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Agenda A">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8FC84352-D824-4ADF-B67A-AA51ABA71A56}"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tx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669625" cy="4006800"/>
          </a:xfrm>
        </p:spPr>
        <p:txBody>
          <a:bodyPr/>
          <a:lstStyle>
            <a:lvl1pPr marL="0" indent="0">
              <a:lnSpc>
                <a:spcPts val="4400"/>
              </a:lnSpc>
              <a:spcAft>
                <a:spcPts val="0"/>
              </a:spcAft>
              <a:buFont typeface="Arial" panose="020B0604020202020204" pitchFamily="34" charset="0"/>
              <a:buChar char="​"/>
              <a:defRPr sz="4000" b="0">
                <a:solidFill>
                  <a:schemeClr val="tx1"/>
                </a:solidFill>
              </a:defRPr>
            </a:lvl1pPr>
            <a:lvl2pPr marL="0" indent="0">
              <a:lnSpc>
                <a:spcPts val="4400"/>
              </a:lnSpc>
              <a:spcAft>
                <a:spcPts val="0"/>
              </a:spcAft>
              <a:buFont typeface="Arial" panose="020B0604020202020204" pitchFamily="34" charset="0"/>
              <a:buChar char="​"/>
              <a:defRPr sz="4000" b="0">
                <a:solidFill>
                  <a:schemeClr val="tx1"/>
                </a:solidFill>
              </a:defRPr>
            </a:lvl2pPr>
            <a:lvl3pPr marL="0" indent="0">
              <a:lnSpc>
                <a:spcPts val="4400"/>
              </a:lnSpc>
              <a:spcAft>
                <a:spcPts val="0"/>
              </a:spcAft>
              <a:buFont typeface="Arial" panose="020B0604020202020204" pitchFamily="34" charset="0"/>
              <a:buChar char="​"/>
              <a:defRPr sz="4000" b="0">
                <a:solidFill>
                  <a:schemeClr val="tx1"/>
                </a:solidFill>
              </a:defRPr>
            </a:lvl3pPr>
            <a:lvl4pPr>
              <a:lnSpc>
                <a:spcPts val="4400"/>
              </a:lnSpc>
              <a:spcAft>
                <a:spcPts val="0"/>
              </a:spcAft>
              <a:buFont typeface="Arial" panose="020B0604020202020204" pitchFamily="34" charset="0"/>
              <a:buChar char="​"/>
              <a:defRPr sz="4000" b="0">
                <a:solidFill>
                  <a:schemeClr val="tx1"/>
                </a:solidFill>
              </a:defRPr>
            </a:lvl4pPr>
            <a:lvl5pPr>
              <a:lnSpc>
                <a:spcPts val="4400"/>
              </a:lnSpc>
              <a:spcAft>
                <a:spcPts val="0"/>
              </a:spcAft>
              <a:buFont typeface="Arial" panose="020B0604020202020204" pitchFamily="34" charset="0"/>
              <a:buChar char="​"/>
              <a:defRPr sz="4000" b="0">
                <a:solidFill>
                  <a:schemeClr val="tx1"/>
                </a:solidFill>
              </a:defRPr>
            </a:lvl5pPr>
            <a:lvl6pPr marL="0" indent="0">
              <a:lnSpc>
                <a:spcPts val="4400"/>
              </a:lnSpc>
              <a:spcAft>
                <a:spcPts val="0"/>
              </a:spcAft>
              <a:buFont typeface="Arial" panose="020B0604020202020204" pitchFamily="34" charset="0"/>
              <a:buChar char="​"/>
              <a:defRPr sz="4000" b="0">
                <a:solidFill>
                  <a:schemeClr val="tx1"/>
                </a:solidFill>
              </a:defRPr>
            </a:lvl6pPr>
            <a:lvl7pPr>
              <a:lnSpc>
                <a:spcPts val="4400"/>
              </a:lnSpc>
              <a:spcAft>
                <a:spcPts val="0"/>
              </a:spcAft>
              <a:defRPr sz="4000" b="0">
                <a:solidFill>
                  <a:schemeClr val="tx1"/>
                </a:solidFill>
              </a:defRPr>
            </a:lvl7pPr>
            <a:lvl8pPr>
              <a:lnSpc>
                <a:spcPts val="4400"/>
              </a:lnSpc>
              <a:spcAft>
                <a:spcPts val="0"/>
              </a:spcAft>
              <a:defRPr sz="4000" b="0">
                <a:solidFill>
                  <a:schemeClr val="tx1"/>
                </a:solidFill>
              </a:defRPr>
            </a:lvl8pPr>
            <a:lvl9pPr>
              <a:lnSpc>
                <a:spcPts val="4400"/>
              </a:lnSpc>
              <a:spcAft>
                <a:spcPts val="0"/>
              </a:spcAft>
              <a:defRPr sz="4000" b="0">
                <a:solidFill>
                  <a:schemeClr val="tx1"/>
                </a:solidFill>
              </a:defRPr>
            </a:lvl9pPr>
          </a:lstStyle>
          <a:p>
            <a:pPr lvl="0"/>
            <a:r>
              <a:rPr lang="da-DK" dirty="0"/>
              <a:t>01</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1576388" y="1944000"/>
            <a:ext cx="9966326" cy="4006800"/>
          </a:xfrm>
        </p:spPr>
        <p:txBody>
          <a:bodyPr/>
          <a:lstStyle>
            <a:lvl1pPr marL="0" indent="0">
              <a:lnSpc>
                <a:spcPts val="4400"/>
              </a:lnSpc>
              <a:spcAft>
                <a:spcPts val="0"/>
              </a:spcAft>
              <a:buFont typeface="Arial" panose="020B0604020202020204" pitchFamily="34" charset="0"/>
              <a:buChar char="​"/>
              <a:defRPr sz="4000">
                <a:solidFill>
                  <a:schemeClr val="tx1"/>
                </a:solidFill>
              </a:defRPr>
            </a:lvl1pPr>
            <a:lvl2pPr marL="0" indent="0">
              <a:lnSpc>
                <a:spcPts val="4400"/>
              </a:lnSpc>
              <a:spcBef>
                <a:spcPts val="0"/>
              </a:spcBef>
              <a:spcAft>
                <a:spcPts val="0"/>
              </a:spcAft>
              <a:buFont typeface="Arial" panose="020B0604020202020204" pitchFamily="34" charset="0"/>
              <a:buChar char="​"/>
              <a:defRPr sz="4000" b="0">
                <a:solidFill>
                  <a:schemeClr val="tx1"/>
                </a:solidFill>
              </a:defRPr>
            </a:lvl2pPr>
            <a:lvl3pPr marL="0" indent="0">
              <a:lnSpc>
                <a:spcPts val="4400"/>
              </a:lnSpc>
              <a:spcBef>
                <a:spcPts val="0"/>
              </a:spcBef>
              <a:spcAft>
                <a:spcPts val="0"/>
              </a:spcAft>
              <a:buFont typeface="Arial" panose="020B0604020202020204" pitchFamily="34" charset="0"/>
              <a:buChar char="​"/>
              <a:defRPr sz="4000" b="0">
                <a:solidFill>
                  <a:schemeClr val="tx1"/>
                </a:solidFill>
              </a:defRPr>
            </a:lvl3pPr>
            <a:lvl4pPr marL="0" indent="0">
              <a:lnSpc>
                <a:spcPts val="4400"/>
              </a:lnSpc>
              <a:spcBef>
                <a:spcPts val="0"/>
              </a:spcBef>
              <a:spcAft>
                <a:spcPts val="0"/>
              </a:spcAft>
              <a:buFont typeface="Arial" panose="020B0604020202020204" pitchFamily="34" charset="0"/>
              <a:buChar char="​"/>
              <a:defRPr sz="4000" b="0">
                <a:solidFill>
                  <a:schemeClr val="tx1"/>
                </a:solidFill>
              </a:defRPr>
            </a:lvl4pPr>
            <a:lvl5pPr marL="0" indent="0">
              <a:lnSpc>
                <a:spcPts val="4400"/>
              </a:lnSpc>
              <a:spcBef>
                <a:spcPts val="0"/>
              </a:spcBef>
              <a:spcAft>
                <a:spcPts val="0"/>
              </a:spcAft>
              <a:buFont typeface="Arial" panose="020B0604020202020204" pitchFamily="34" charset="0"/>
              <a:buChar char="​"/>
              <a:defRPr sz="4000" b="0">
                <a:solidFill>
                  <a:schemeClr val="tx1"/>
                </a:solidFill>
              </a:defRPr>
            </a:lvl5pPr>
            <a:lvl6pPr marL="0" indent="0">
              <a:lnSpc>
                <a:spcPts val="4400"/>
              </a:lnSpc>
              <a:spcBef>
                <a:spcPts val="0"/>
              </a:spcBef>
              <a:spcAft>
                <a:spcPts val="0"/>
              </a:spcAft>
              <a:buFont typeface="Arial" panose="020B0604020202020204" pitchFamily="34" charset="0"/>
              <a:buChar char="​"/>
              <a:defRPr sz="4000" b="0">
                <a:solidFill>
                  <a:schemeClr val="tx1"/>
                </a:solidFill>
              </a:defRPr>
            </a:lvl6pPr>
            <a:lvl7pPr marL="0" indent="0">
              <a:lnSpc>
                <a:spcPts val="4400"/>
              </a:lnSpc>
              <a:spcBef>
                <a:spcPts val="0"/>
              </a:spcBef>
              <a:spcAft>
                <a:spcPts val="0"/>
              </a:spcAft>
              <a:buFont typeface="Arial" panose="020B0604020202020204" pitchFamily="34" charset="0"/>
              <a:buChar char="​"/>
              <a:defRPr sz="4000" b="0">
                <a:solidFill>
                  <a:schemeClr val="tx1"/>
                </a:solidFill>
              </a:defRPr>
            </a:lvl7pPr>
            <a:lvl8pPr marL="0" indent="0">
              <a:lnSpc>
                <a:spcPts val="4400"/>
              </a:lnSpc>
              <a:spcBef>
                <a:spcPts val="0"/>
              </a:spcBef>
              <a:spcAft>
                <a:spcPts val="0"/>
              </a:spcAft>
              <a:buFont typeface="Arial" panose="020B0604020202020204" pitchFamily="34" charset="0"/>
              <a:buChar char="​"/>
              <a:defRPr sz="4000" b="0">
                <a:solidFill>
                  <a:schemeClr val="tx1"/>
                </a:solidFill>
              </a:defRPr>
            </a:lvl8pPr>
            <a:lvl9pPr marL="0" indent="0">
              <a:lnSpc>
                <a:spcPts val="4400"/>
              </a:lnSpc>
              <a:spcBef>
                <a:spcPts val="0"/>
              </a:spcBef>
              <a:spcAft>
                <a:spcPts val="0"/>
              </a:spcAft>
              <a:buFont typeface="Arial" panose="020B0604020202020204" pitchFamily="34" charset="0"/>
              <a:buChar char="​"/>
              <a:defRPr sz="4000" b="0">
                <a:solidFill>
                  <a:schemeClr val="tx1"/>
                </a:solidFill>
              </a:defRPr>
            </a:lvl9pPr>
          </a:lstStyle>
          <a:p>
            <a:pPr lvl="0"/>
            <a:r>
              <a:rPr lang="da-DK" noProof="0" dirty="0"/>
              <a:t>Klik for at tilføje agendapunkt</a:t>
            </a:r>
            <a:endParaRPr lang="da-DK" dirty="0"/>
          </a:p>
          <a:p>
            <a:pPr lvl="1"/>
            <a:endParaRPr lang="da-DK" noProof="0" dirty="0"/>
          </a:p>
        </p:txBody>
      </p:sp>
      <p:pic>
        <p:nvPicPr>
          <p:cNvPr id="5" name="Dynamic logo hvid" descr="{&quot;templafy&quot;:{&quot;id&quot;:&quot;8ebb5802-a37d-4978-9353-e43aabf0335b&quot;}}">
            <a:extLst>
              <a:ext uri="{FF2B5EF4-FFF2-40B4-BE49-F238E27FC236}">
                <a16:creationId xmlns:a16="http://schemas.microsoft.com/office/drawing/2014/main" id="{0CE77664-6930-1390-908C-74EF3AE5E37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6146006"/>
            <a:ext cx="3224613" cy="720090"/>
          </a:xfrm>
          <a:prstGeom prst="rect">
            <a:avLst/>
          </a:prstGeom>
        </p:spPr>
      </p:pic>
    </p:spTree>
    <p:extLst>
      <p:ext uri="{BB962C8B-B14F-4D97-AF65-F5344CB8AC3E}">
        <p14:creationId xmlns:p14="http://schemas.microsoft.com/office/powerpoint/2010/main" val="2151326899"/>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450723F5-A138-4A95-806D-9BEAFEEC8B34}"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accent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669625" cy="4006800"/>
          </a:xfrm>
        </p:spPr>
        <p:txBody>
          <a:bodyPr/>
          <a:lstStyle>
            <a:lvl1pPr marL="0" indent="0">
              <a:lnSpc>
                <a:spcPts val="4400"/>
              </a:lnSpc>
              <a:spcAft>
                <a:spcPts val="0"/>
              </a:spcAft>
              <a:buFont typeface="Arial" panose="020B0604020202020204" pitchFamily="34" charset="0"/>
              <a:buChar char="​"/>
              <a:defRPr sz="4000" b="0">
                <a:solidFill>
                  <a:schemeClr val="accent1"/>
                </a:solidFill>
              </a:defRPr>
            </a:lvl1pPr>
            <a:lvl2pPr marL="0" indent="0">
              <a:lnSpc>
                <a:spcPts val="4400"/>
              </a:lnSpc>
              <a:spcAft>
                <a:spcPts val="0"/>
              </a:spcAft>
              <a:buFont typeface="Arial" panose="020B0604020202020204" pitchFamily="34" charset="0"/>
              <a:buChar char="​"/>
              <a:defRPr sz="4000" b="0">
                <a:solidFill>
                  <a:schemeClr val="accent1"/>
                </a:solidFill>
              </a:defRPr>
            </a:lvl2pPr>
            <a:lvl3pPr marL="0" indent="0">
              <a:lnSpc>
                <a:spcPts val="4400"/>
              </a:lnSpc>
              <a:spcAft>
                <a:spcPts val="0"/>
              </a:spcAft>
              <a:buFont typeface="Arial" panose="020B0604020202020204" pitchFamily="34" charset="0"/>
              <a:buChar char="​"/>
              <a:defRPr sz="4000" b="0">
                <a:solidFill>
                  <a:schemeClr val="accent1"/>
                </a:solidFill>
              </a:defRPr>
            </a:lvl3pPr>
            <a:lvl4pPr>
              <a:lnSpc>
                <a:spcPts val="4400"/>
              </a:lnSpc>
              <a:spcAft>
                <a:spcPts val="0"/>
              </a:spcAft>
              <a:buFont typeface="Arial" panose="020B0604020202020204" pitchFamily="34" charset="0"/>
              <a:buChar char="​"/>
              <a:defRPr sz="4000" b="0">
                <a:solidFill>
                  <a:schemeClr val="accent1"/>
                </a:solidFill>
              </a:defRPr>
            </a:lvl4pPr>
            <a:lvl5pPr>
              <a:lnSpc>
                <a:spcPts val="4400"/>
              </a:lnSpc>
              <a:spcAft>
                <a:spcPts val="0"/>
              </a:spcAft>
              <a:buFont typeface="Arial" panose="020B0604020202020204" pitchFamily="34" charset="0"/>
              <a:buChar char="​"/>
              <a:defRPr sz="4000" b="0">
                <a:solidFill>
                  <a:schemeClr val="accent1"/>
                </a:solidFill>
              </a:defRPr>
            </a:lvl5pPr>
            <a:lvl6pPr marL="0" indent="0">
              <a:lnSpc>
                <a:spcPts val="4400"/>
              </a:lnSpc>
              <a:spcAft>
                <a:spcPts val="0"/>
              </a:spcAft>
              <a:buFont typeface="Arial" panose="020B0604020202020204" pitchFamily="34" charset="0"/>
              <a:buChar char="​"/>
              <a:defRPr sz="4000" b="0">
                <a:solidFill>
                  <a:schemeClr val="accent1"/>
                </a:solidFill>
              </a:defRPr>
            </a:lvl6pPr>
            <a:lvl7pPr>
              <a:lnSpc>
                <a:spcPts val="4400"/>
              </a:lnSpc>
              <a:spcAft>
                <a:spcPts val="0"/>
              </a:spcAft>
              <a:defRPr sz="4000" b="0">
                <a:solidFill>
                  <a:schemeClr val="accent1"/>
                </a:solidFill>
              </a:defRPr>
            </a:lvl7pPr>
            <a:lvl8pPr>
              <a:lnSpc>
                <a:spcPts val="4400"/>
              </a:lnSpc>
              <a:spcAft>
                <a:spcPts val="0"/>
              </a:spcAft>
              <a:defRPr sz="4000" b="0">
                <a:solidFill>
                  <a:schemeClr val="accent1"/>
                </a:solidFill>
              </a:defRPr>
            </a:lvl8pPr>
            <a:lvl9pPr>
              <a:lnSpc>
                <a:spcPts val="4400"/>
              </a:lnSpc>
              <a:spcAft>
                <a:spcPts val="0"/>
              </a:spcAft>
              <a:defRPr sz="4000" b="0">
                <a:solidFill>
                  <a:schemeClr val="accent1"/>
                </a:solidFill>
              </a:defRPr>
            </a:lvl9pPr>
          </a:lstStyle>
          <a:p>
            <a:pPr lvl="0"/>
            <a:r>
              <a:rPr lang="da-DK" dirty="0"/>
              <a:t>01</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1576388" y="1944000"/>
            <a:ext cx="9966326" cy="4006800"/>
          </a:xfrm>
        </p:spPr>
        <p:txBody>
          <a:bodyPr/>
          <a:lstStyle>
            <a:lvl1pPr marL="0" indent="0">
              <a:lnSpc>
                <a:spcPts val="4400"/>
              </a:lnSpc>
              <a:spcAft>
                <a:spcPts val="0"/>
              </a:spcAft>
              <a:buFont typeface="Arial" panose="020B0604020202020204" pitchFamily="34" charset="0"/>
              <a:buChar char="​"/>
              <a:defRPr sz="4000">
                <a:solidFill>
                  <a:schemeClr val="accent1"/>
                </a:solidFill>
              </a:defRPr>
            </a:lvl1pPr>
            <a:lvl2pPr marL="0" indent="0">
              <a:lnSpc>
                <a:spcPts val="4400"/>
              </a:lnSpc>
              <a:spcBef>
                <a:spcPts val="0"/>
              </a:spcBef>
              <a:spcAft>
                <a:spcPts val="0"/>
              </a:spcAft>
              <a:buFont typeface="Arial" panose="020B0604020202020204" pitchFamily="34" charset="0"/>
              <a:buChar char="​"/>
              <a:defRPr sz="4000" b="0">
                <a:solidFill>
                  <a:schemeClr val="accent1"/>
                </a:solidFill>
              </a:defRPr>
            </a:lvl2pPr>
            <a:lvl3pPr marL="0" indent="0">
              <a:lnSpc>
                <a:spcPts val="4400"/>
              </a:lnSpc>
              <a:spcBef>
                <a:spcPts val="0"/>
              </a:spcBef>
              <a:spcAft>
                <a:spcPts val="0"/>
              </a:spcAft>
              <a:buFont typeface="Arial" panose="020B0604020202020204" pitchFamily="34" charset="0"/>
              <a:buChar char="​"/>
              <a:defRPr sz="4000" b="0">
                <a:solidFill>
                  <a:schemeClr val="accent1"/>
                </a:solidFill>
              </a:defRPr>
            </a:lvl3pPr>
            <a:lvl4pPr marL="0" indent="0">
              <a:lnSpc>
                <a:spcPts val="4400"/>
              </a:lnSpc>
              <a:spcBef>
                <a:spcPts val="0"/>
              </a:spcBef>
              <a:spcAft>
                <a:spcPts val="0"/>
              </a:spcAft>
              <a:buFont typeface="Arial" panose="020B0604020202020204" pitchFamily="34" charset="0"/>
              <a:buChar char="​"/>
              <a:defRPr sz="4000" b="0">
                <a:solidFill>
                  <a:schemeClr val="accent1"/>
                </a:solidFill>
              </a:defRPr>
            </a:lvl4pPr>
            <a:lvl5pPr marL="0" indent="0">
              <a:lnSpc>
                <a:spcPts val="4400"/>
              </a:lnSpc>
              <a:spcBef>
                <a:spcPts val="0"/>
              </a:spcBef>
              <a:spcAft>
                <a:spcPts val="0"/>
              </a:spcAft>
              <a:buFont typeface="Arial" panose="020B0604020202020204" pitchFamily="34" charset="0"/>
              <a:buChar char="​"/>
              <a:defRPr sz="4000" b="0">
                <a:solidFill>
                  <a:schemeClr val="accent1"/>
                </a:solidFill>
              </a:defRPr>
            </a:lvl5pPr>
            <a:lvl6pPr marL="0" indent="0">
              <a:lnSpc>
                <a:spcPts val="4400"/>
              </a:lnSpc>
              <a:spcBef>
                <a:spcPts val="0"/>
              </a:spcBef>
              <a:spcAft>
                <a:spcPts val="0"/>
              </a:spcAft>
              <a:buFont typeface="Arial" panose="020B0604020202020204" pitchFamily="34" charset="0"/>
              <a:buChar char="​"/>
              <a:defRPr sz="4000" b="0">
                <a:solidFill>
                  <a:schemeClr val="accent1"/>
                </a:solidFill>
              </a:defRPr>
            </a:lvl6pPr>
            <a:lvl7pPr marL="0" indent="0">
              <a:lnSpc>
                <a:spcPts val="4400"/>
              </a:lnSpc>
              <a:spcBef>
                <a:spcPts val="0"/>
              </a:spcBef>
              <a:spcAft>
                <a:spcPts val="0"/>
              </a:spcAft>
              <a:buFont typeface="Arial" panose="020B0604020202020204" pitchFamily="34" charset="0"/>
              <a:buChar char="​"/>
              <a:defRPr sz="4000" b="0">
                <a:solidFill>
                  <a:schemeClr val="accent1"/>
                </a:solidFill>
              </a:defRPr>
            </a:lvl7pPr>
            <a:lvl8pPr marL="0" indent="0">
              <a:lnSpc>
                <a:spcPts val="4400"/>
              </a:lnSpc>
              <a:spcBef>
                <a:spcPts val="0"/>
              </a:spcBef>
              <a:spcAft>
                <a:spcPts val="0"/>
              </a:spcAft>
              <a:buFont typeface="Arial" panose="020B0604020202020204" pitchFamily="34" charset="0"/>
              <a:buChar char="​"/>
              <a:defRPr sz="4000" b="0">
                <a:solidFill>
                  <a:schemeClr val="accent1"/>
                </a:solidFill>
              </a:defRPr>
            </a:lvl8pPr>
            <a:lvl9pPr marL="0" indent="0">
              <a:lnSpc>
                <a:spcPts val="4400"/>
              </a:lnSpc>
              <a:spcBef>
                <a:spcPts val="0"/>
              </a:spcBef>
              <a:spcAft>
                <a:spcPts val="0"/>
              </a:spcAft>
              <a:buFont typeface="Arial" panose="020B0604020202020204" pitchFamily="34" charset="0"/>
              <a:buChar char="​"/>
              <a:defRPr sz="4000" b="0">
                <a:solidFill>
                  <a:schemeClr val="accent1"/>
                </a:solidFill>
              </a:defRPr>
            </a:lvl9pPr>
          </a:lstStyle>
          <a:p>
            <a:pPr lvl="0"/>
            <a:r>
              <a:rPr lang="da-DK" noProof="0" dirty="0"/>
              <a:t>Klik for at tilføje agendapunkt</a:t>
            </a:r>
            <a:endParaRPr lang="da-DK" dirty="0"/>
          </a:p>
          <a:p>
            <a:pPr lvl="1"/>
            <a:endParaRPr lang="da-DK" noProof="0" dirty="0"/>
          </a:p>
        </p:txBody>
      </p:sp>
    </p:spTree>
    <p:extLst>
      <p:ext uri="{BB962C8B-B14F-4D97-AF65-F5344CB8AC3E}">
        <p14:creationId xmlns:p14="http://schemas.microsoft.com/office/powerpoint/2010/main" val="3870618821"/>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Agenda tidspunkt A">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99A334B8-94C2-4F5F-A26B-D047E4B357D2}"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tx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1304625" cy="4006800"/>
          </a:xfrm>
        </p:spPr>
        <p:txBody>
          <a:bodyPr/>
          <a:lstStyle>
            <a:lvl1pPr marL="0" indent="0">
              <a:lnSpc>
                <a:spcPts val="4400"/>
              </a:lnSpc>
              <a:spcAft>
                <a:spcPts val="0"/>
              </a:spcAft>
              <a:buFont typeface="Arial" panose="020B0604020202020204" pitchFamily="34" charset="0"/>
              <a:buChar char="​"/>
              <a:defRPr sz="4000" b="0">
                <a:solidFill>
                  <a:schemeClr val="tx1"/>
                </a:solidFill>
              </a:defRPr>
            </a:lvl1pPr>
            <a:lvl2pPr marL="0" indent="0">
              <a:lnSpc>
                <a:spcPts val="4400"/>
              </a:lnSpc>
              <a:spcAft>
                <a:spcPts val="0"/>
              </a:spcAft>
              <a:buFont typeface="Arial" panose="020B0604020202020204" pitchFamily="34" charset="0"/>
              <a:buChar char="​"/>
              <a:defRPr sz="4000" b="0">
                <a:solidFill>
                  <a:schemeClr val="tx1"/>
                </a:solidFill>
              </a:defRPr>
            </a:lvl2pPr>
            <a:lvl3pPr marL="0" indent="0">
              <a:lnSpc>
                <a:spcPts val="4400"/>
              </a:lnSpc>
              <a:spcAft>
                <a:spcPts val="0"/>
              </a:spcAft>
              <a:buFont typeface="Arial" panose="020B0604020202020204" pitchFamily="34" charset="0"/>
              <a:buChar char="​"/>
              <a:defRPr sz="4000" b="0">
                <a:solidFill>
                  <a:schemeClr val="tx1"/>
                </a:solidFill>
              </a:defRPr>
            </a:lvl3pPr>
            <a:lvl4pPr>
              <a:lnSpc>
                <a:spcPts val="4400"/>
              </a:lnSpc>
              <a:spcAft>
                <a:spcPts val="0"/>
              </a:spcAft>
              <a:buFont typeface="Arial" panose="020B0604020202020204" pitchFamily="34" charset="0"/>
              <a:buChar char="​"/>
              <a:defRPr sz="4000" b="0">
                <a:solidFill>
                  <a:schemeClr val="tx1"/>
                </a:solidFill>
              </a:defRPr>
            </a:lvl4pPr>
            <a:lvl5pPr>
              <a:lnSpc>
                <a:spcPts val="4400"/>
              </a:lnSpc>
              <a:spcAft>
                <a:spcPts val="0"/>
              </a:spcAft>
              <a:buFont typeface="Arial" panose="020B0604020202020204" pitchFamily="34" charset="0"/>
              <a:buChar char="​"/>
              <a:defRPr sz="4000" b="0">
                <a:solidFill>
                  <a:schemeClr val="tx1"/>
                </a:solidFill>
              </a:defRPr>
            </a:lvl5pPr>
            <a:lvl6pPr marL="0" indent="0">
              <a:lnSpc>
                <a:spcPts val="4400"/>
              </a:lnSpc>
              <a:spcAft>
                <a:spcPts val="0"/>
              </a:spcAft>
              <a:buFont typeface="Arial" panose="020B0604020202020204" pitchFamily="34" charset="0"/>
              <a:buChar char="​"/>
              <a:defRPr sz="4000" b="0">
                <a:solidFill>
                  <a:schemeClr val="tx1"/>
                </a:solidFill>
              </a:defRPr>
            </a:lvl6pPr>
            <a:lvl7pPr>
              <a:lnSpc>
                <a:spcPts val="4400"/>
              </a:lnSpc>
              <a:spcAft>
                <a:spcPts val="0"/>
              </a:spcAft>
              <a:defRPr sz="4000" b="0">
                <a:solidFill>
                  <a:schemeClr val="tx1"/>
                </a:solidFill>
              </a:defRPr>
            </a:lvl7pPr>
            <a:lvl8pPr>
              <a:lnSpc>
                <a:spcPts val="4400"/>
              </a:lnSpc>
              <a:spcAft>
                <a:spcPts val="0"/>
              </a:spcAft>
              <a:defRPr sz="4000" b="0">
                <a:solidFill>
                  <a:schemeClr val="tx1"/>
                </a:solidFill>
              </a:defRPr>
            </a:lvl8pPr>
            <a:lvl9pPr>
              <a:lnSpc>
                <a:spcPts val="4400"/>
              </a:lnSpc>
              <a:spcAft>
                <a:spcPts val="0"/>
              </a:spcAft>
              <a:defRPr sz="4000" b="0">
                <a:solidFill>
                  <a:schemeClr val="tx1"/>
                </a:solidFill>
              </a:defRPr>
            </a:lvl9pPr>
          </a:lstStyle>
          <a:p>
            <a:pPr lvl="0"/>
            <a:r>
              <a:rPr lang="da-DK" dirty="0"/>
              <a:t>08.00</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2247900" y="1944000"/>
            <a:ext cx="9294813" cy="4006800"/>
          </a:xfrm>
        </p:spPr>
        <p:txBody>
          <a:bodyPr/>
          <a:lstStyle>
            <a:lvl1pPr marL="0" indent="0">
              <a:lnSpc>
                <a:spcPts val="4400"/>
              </a:lnSpc>
              <a:spcAft>
                <a:spcPts val="0"/>
              </a:spcAft>
              <a:buFont typeface="Arial" panose="020B0604020202020204" pitchFamily="34" charset="0"/>
              <a:buChar char="​"/>
              <a:defRPr sz="4000">
                <a:solidFill>
                  <a:schemeClr val="tx1"/>
                </a:solidFill>
              </a:defRPr>
            </a:lvl1pPr>
            <a:lvl2pPr marL="0" indent="0">
              <a:lnSpc>
                <a:spcPts val="4400"/>
              </a:lnSpc>
              <a:spcBef>
                <a:spcPts val="0"/>
              </a:spcBef>
              <a:spcAft>
                <a:spcPts val="0"/>
              </a:spcAft>
              <a:buFont typeface="Arial" panose="020B0604020202020204" pitchFamily="34" charset="0"/>
              <a:buChar char="​"/>
              <a:defRPr sz="4000" b="0">
                <a:solidFill>
                  <a:schemeClr val="tx1"/>
                </a:solidFill>
              </a:defRPr>
            </a:lvl2pPr>
            <a:lvl3pPr marL="0" indent="0">
              <a:lnSpc>
                <a:spcPts val="4400"/>
              </a:lnSpc>
              <a:spcBef>
                <a:spcPts val="0"/>
              </a:spcBef>
              <a:spcAft>
                <a:spcPts val="0"/>
              </a:spcAft>
              <a:buFont typeface="Arial" panose="020B0604020202020204" pitchFamily="34" charset="0"/>
              <a:buChar char="​"/>
              <a:defRPr sz="4000" b="0">
                <a:solidFill>
                  <a:schemeClr val="tx1"/>
                </a:solidFill>
              </a:defRPr>
            </a:lvl3pPr>
            <a:lvl4pPr marL="0" indent="0">
              <a:lnSpc>
                <a:spcPts val="4400"/>
              </a:lnSpc>
              <a:spcBef>
                <a:spcPts val="0"/>
              </a:spcBef>
              <a:spcAft>
                <a:spcPts val="0"/>
              </a:spcAft>
              <a:buFont typeface="Arial" panose="020B0604020202020204" pitchFamily="34" charset="0"/>
              <a:buChar char="​"/>
              <a:defRPr sz="4000" b="0">
                <a:solidFill>
                  <a:schemeClr val="tx1"/>
                </a:solidFill>
              </a:defRPr>
            </a:lvl4pPr>
            <a:lvl5pPr marL="0" indent="0">
              <a:lnSpc>
                <a:spcPts val="4400"/>
              </a:lnSpc>
              <a:spcBef>
                <a:spcPts val="0"/>
              </a:spcBef>
              <a:spcAft>
                <a:spcPts val="0"/>
              </a:spcAft>
              <a:buFont typeface="Arial" panose="020B0604020202020204" pitchFamily="34" charset="0"/>
              <a:buChar char="​"/>
              <a:defRPr sz="4000" b="0">
                <a:solidFill>
                  <a:schemeClr val="tx1"/>
                </a:solidFill>
              </a:defRPr>
            </a:lvl5pPr>
            <a:lvl6pPr marL="0" indent="0">
              <a:lnSpc>
                <a:spcPts val="4400"/>
              </a:lnSpc>
              <a:spcBef>
                <a:spcPts val="0"/>
              </a:spcBef>
              <a:spcAft>
                <a:spcPts val="0"/>
              </a:spcAft>
              <a:buFont typeface="Arial" panose="020B0604020202020204" pitchFamily="34" charset="0"/>
              <a:buChar char="​"/>
              <a:defRPr sz="4000" b="0">
                <a:solidFill>
                  <a:schemeClr val="tx1"/>
                </a:solidFill>
              </a:defRPr>
            </a:lvl6pPr>
            <a:lvl7pPr marL="0" indent="0">
              <a:lnSpc>
                <a:spcPts val="4400"/>
              </a:lnSpc>
              <a:spcBef>
                <a:spcPts val="0"/>
              </a:spcBef>
              <a:spcAft>
                <a:spcPts val="0"/>
              </a:spcAft>
              <a:buFont typeface="Arial" panose="020B0604020202020204" pitchFamily="34" charset="0"/>
              <a:buChar char="​"/>
              <a:defRPr sz="4000" b="0">
                <a:solidFill>
                  <a:schemeClr val="tx1"/>
                </a:solidFill>
              </a:defRPr>
            </a:lvl7pPr>
            <a:lvl8pPr marL="0" indent="0">
              <a:lnSpc>
                <a:spcPts val="4400"/>
              </a:lnSpc>
              <a:spcBef>
                <a:spcPts val="0"/>
              </a:spcBef>
              <a:spcAft>
                <a:spcPts val="0"/>
              </a:spcAft>
              <a:buFont typeface="Arial" panose="020B0604020202020204" pitchFamily="34" charset="0"/>
              <a:buChar char="​"/>
              <a:defRPr sz="4000" b="0">
                <a:solidFill>
                  <a:schemeClr val="tx1"/>
                </a:solidFill>
              </a:defRPr>
            </a:lvl8pPr>
            <a:lvl9pPr marL="0" indent="0">
              <a:lnSpc>
                <a:spcPts val="4400"/>
              </a:lnSpc>
              <a:spcBef>
                <a:spcPts val="0"/>
              </a:spcBef>
              <a:spcAft>
                <a:spcPts val="0"/>
              </a:spcAft>
              <a:buFont typeface="Arial" panose="020B0604020202020204" pitchFamily="34" charset="0"/>
              <a:buChar char="​"/>
              <a:defRPr sz="4000" b="0">
                <a:solidFill>
                  <a:schemeClr val="tx1"/>
                </a:solidFill>
              </a:defRPr>
            </a:lvl9pPr>
          </a:lstStyle>
          <a:p>
            <a:pPr lvl="0"/>
            <a:r>
              <a:rPr lang="da-DK" noProof="0" dirty="0"/>
              <a:t>Klik for at tilføje agendapunkt</a:t>
            </a:r>
            <a:endParaRPr lang="da-DK" dirty="0"/>
          </a:p>
          <a:p>
            <a:pPr lvl="1"/>
            <a:endParaRPr lang="da-DK" noProof="0" dirty="0"/>
          </a:p>
        </p:txBody>
      </p:sp>
      <p:pic>
        <p:nvPicPr>
          <p:cNvPr id="5" name="Dynamic logo hvid" descr="{&quot;templafy&quot;:{&quot;id&quot;:&quot;4a0feef0-529d-43f7-86bd-5fa1bfdde9ce&quot;}}">
            <a:extLst>
              <a:ext uri="{FF2B5EF4-FFF2-40B4-BE49-F238E27FC236}">
                <a16:creationId xmlns:a16="http://schemas.microsoft.com/office/drawing/2014/main" id="{CC5C28F6-FC72-FD6B-CBE6-CEE1D8D6214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6146006"/>
            <a:ext cx="3224613" cy="720090"/>
          </a:xfrm>
          <a:prstGeom prst="rect">
            <a:avLst/>
          </a:prstGeom>
        </p:spPr>
      </p:pic>
    </p:spTree>
    <p:extLst>
      <p:ext uri="{BB962C8B-B14F-4D97-AF65-F5344CB8AC3E}">
        <p14:creationId xmlns:p14="http://schemas.microsoft.com/office/powerpoint/2010/main" val="209211194"/>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genda tidspunkt B">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8D8C2F2-679C-4048-B1FF-69BB2ED69E51}"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accent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1304625" cy="4006800"/>
          </a:xfrm>
        </p:spPr>
        <p:txBody>
          <a:bodyPr/>
          <a:lstStyle>
            <a:lvl1pPr marL="0" indent="0">
              <a:lnSpc>
                <a:spcPts val="4400"/>
              </a:lnSpc>
              <a:spcAft>
                <a:spcPts val="0"/>
              </a:spcAft>
              <a:buFont typeface="Arial" panose="020B0604020202020204" pitchFamily="34" charset="0"/>
              <a:buChar char="​"/>
              <a:defRPr sz="4000" b="0">
                <a:solidFill>
                  <a:schemeClr val="accent1"/>
                </a:solidFill>
              </a:defRPr>
            </a:lvl1pPr>
            <a:lvl2pPr marL="0" indent="0">
              <a:lnSpc>
                <a:spcPts val="4400"/>
              </a:lnSpc>
              <a:spcAft>
                <a:spcPts val="0"/>
              </a:spcAft>
              <a:buFont typeface="Arial" panose="020B0604020202020204" pitchFamily="34" charset="0"/>
              <a:buChar char="​"/>
              <a:defRPr sz="4000" b="0">
                <a:solidFill>
                  <a:schemeClr val="accent1"/>
                </a:solidFill>
              </a:defRPr>
            </a:lvl2pPr>
            <a:lvl3pPr marL="0" indent="0">
              <a:lnSpc>
                <a:spcPts val="4400"/>
              </a:lnSpc>
              <a:spcAft>
                <a:spcPts val="0"/>
              </a:spcAft>
              <a:buFont typeface="Arial" panose="020B0604020202020204" pitchFamily="34" charset="0"/>
              <a:buChar char="​"/>
              <a:defRPr sz="4000" b="0">
                <a:solidFill>
                  <a:schemeClr val="accent1"/>
                </a:solidFill>
              </a:defRPr>
            </a:lvl3pPr>
            <a:lvl4pPr>
              <a:lnSpc>
                <a:spcPts val="4400"/>
              </a:lnSpc>
              <a:spcAft>
                <a:spcPts val="0"/>
              </a:spcAft>
              <a:buFont typeface="Arial" panose="020B0604020202020204" pitchFamily="34" charset="0"/>
              <a:buChar char="​"/>
              <a:defRPr sz="4000" b="0">
                <a:solidFill>
                  <a:schemeClr val="accent1"/>
                </a:solidFill>
              </a:defRPr>
            </a:lvl4pPr>
            <a:lvl5pPr>
              <a:lnSpc>
                <a:spcPts val="4400"/>
              </a:lnSpc>
              <a:spcAft>
                <a:spcPts val="0"/>
              </a:spcAft>
              <a:buFont typeface="Arial" panose="020B0604020202020204" pitchFamily="34" charset="0"/>
              <a:buChar char="​"/>
              <a:defRPr sz="4000" b="0">
                <a:solidFill>
                  <a:schemeClr val="accent1"/>
                </a:solidFill>
              </a:defRPr>
            </a:lvl5pPr>
            <a:lvl6pPr marL="0" indent="0">
              <a:lnSpc>
                <a:spcPts val="4400"/>
              </a:lnSpc>
              <a:spcAft>
                <a:spcPts val="0"/>
              </a:spcAft>
              <a:buFont typeface="Arial" panose="020B0604020202020204" pitchFamily="34" charset="0"/>
              <a:buChar char="​"/>
              <a:defRPr sz="4000" b="0">
                <a:solidFill>
                  <a:schemeClr val="accent1"/>
                </a:solidFill>
              </a:defRPr>
            </a:lvl6pPr>
            <a:lvl7pPr>
              <a:lnSpc>
                <a:spcPts val="4400"/>
              </a:lnSpc>
              <a:spcAft>
                <a:spcPts val="0"/>
              </a:spcAft>
              <a:defRPr sz="4000" b="0">
                <a:solidFill>
                  <a:schemeClr val="accent1"/>
                </a:solidFill>
              </a:defRPr>
            </a:lvl7pPr>
            <a:lvl8pPr>
              <a:lnSpc>
                <a:spcPts val="4400"/>
              </a:lnSpc>
              <a:spcAft>
                <a:spcPts val="0"/>
              </a:spcAft>
              <a:defRPr sz="4000" b="0">
                <a:solidFill>
                  <a:schemeClr val="accent1"/>
                </a:solidFill>
              </a:defRPr>
            </a:lvl8pPr>
            <a:lvl9pPr>
              <a:lnSpc>
                <a:spcPts val="4400"/>
              </a:lnSpc>
              <a:spcAft>
                <a:spcPts val="0"/>
              </a:spcAft>
              <a:defRPr sz="4000" b="0">
                <a:solidFill>
                  <a:schemeClr val="accent1"/>
                </a:solidFill>
              </a:defRPr>
            </a:lvl9pPr>
          </a:lstStyle>
          <a:p>
            <a:pPr lvl="0"/>
            <a:r>
              <a:rPr lang="da-DK" dirty="0"/>
              <a:t>08.00</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2247900" y="1944000"/>
            <a:ext cx="9294813" cy="4006800"/>
          </a:xfrm>
        </p:spPr>
        <p:txBody>
          <a:bodyPr/>
          <a:lstStyle>
            <a:lvl1pPr marL="0" indent="0">
              <a:lnSpc>
                <a:spcPts val="4400"/>
              </a:lnSpc>
              <a:spcAft>
                <a:spcPts val="0"/>
              </a:spcAft>
              <a:buFont typeface="Arial" panose="020B0604020202020204" pitchFamily="34" charset="0"/>
              <a:buChar char="​"/>
              <a:defRPr sz="4000">
                <a:solidFill>
                  <a:schemeClr val="accent1"/>
                </a:solidFill>
              </a:defRPr>
            </a:lvl1pPr>
            <a:lvl2pPr marL="0" indent="0">
              <a:lnSpc>
                <a:spcPts val="4400"/>
              </a:lnSpc>
              <a:spcBef>
                <a:spcPts val="0"/>
              </a:spcBef>
              <a:spcAft>
                <a:spcPts val="0"/>
              </a:spcAft>
              <a:buFont typeface="Arial" panose="020B0604020202020204" pitchFamily="34" charset="0"/>
              <a:buChar char="​"/>
              <a:defRPr sz="4000" b="0">
                <a:solidFill>
                  <a:schemeClr val="accent1"/>
                </a:solidFill>
              </a:defRPr>
            </a:lvl2pPr>
            <a:lvl3pPr marL="0" indent="0">
              <a:lnSpc>
                <a:spcPts val="4400"/>
              </a:lnSpc>
              <a:spcBef>
                <a:spcPts val="0"/>
              </a:spcBef>
              <a:spcAft>
                <a:spcPts val="0"/>
              </a:spcAft>
              <a:buFont typeface="Arial" panose="020B0604020202020204" pitchFamily="34" charset="0"/>
              <a:buChar char="​"/>
              <a:defRPr sz="4000" b="0">
                <a:solidFill>
                  <a:schemeClr val="accent1"/>
                </a:solidFill>
              </a:defRPr>
            </a:lvl3pPr>
            <a:lvl4pPr marL="0" indent="0">
              <a:lnSpc>
                <a:spcPts val="4400"/>
              </a:lnSpc>
              <a:spcBef>
                <a:spcPts val="0"/>
              </a:spcBef>
              <a:spcAft>
                <a:spcPts val="0"/>
              </a:spcAft>
              <a:buFont typeface="Arial" panose="020B0604020202020204" pitchFamily="34" charset="0"/>
              <a:buChar char="​"/>
              <a:defRPr sz="4000" b="0">
                <a:solidFill>
                  <a:schemeClr val="accent1"/>
                </a:solidFill>
              </a:defRPr>
            </a:lvl4pPr>
            <a:lvl5pPr marL="0" indent="0">
              <a:lnSpc>
                <a:spcPts val="4400"/>
              </a:lnSpc>
              <a:spcBef>
                <a:spcPts val="0"/>
              </a:spcBef>
              <a:spcAft>
                <a:spcPts val="0"/>
              </a:spcAft>
              <a:buFont typeface="Arial" panose="020B0604020202020204" pitchFamily="34" charset="0"/>
              <a:buChar char="​"/>
              <a:defRPr sz="4000" b="0">
                <a:solidFill>
                  <a:schemeClr val="accent1"/>
                </a:solidFill>
              </a:defRPr>
            </a:lvl5pPr>
            <a:lvl6pPr marL="0" indent="0">
              <a:lnSpc>
                <a:spcPts val="4400"/>
              </a:lnSpc>
              <a:spcBef>
                <a:spcPts val="0"/>
              </a:spcBef>
              <a:spcAft>
                <a:spcPts val="0"/>
              </a:spcAft>
              <a:buFont typeface="Arial" panose="020B0604020202020204" pitchFamily="34" charset="0"/>
              <a:buChar char="​"/>
              <a:defRPr sz="4000" b="0">
                <a:solidFill>
                  <a:schemeClr val="accent1"/>
                </a:solidFill>
              </a:defRPr>
            </a:lvl6pPr>
            <a:lvl7pPr marL="0" indent="0">
              <a:lnSpc>
                <a:spcPts val="4400"/>
              </a:lnSpc>
              <a:spcBef>
                <a:spcPts val="0"/>
              </a:spcBef>
              <a:spcAft>
                <a:spcPts val="0"/>
              </a:spcAft>
              <a:buFont typeface="Arial" panose="020B0604020202020204" pitchFamily="34" charset="0"/>
              <a:buChar char="​"/>
              <a:defRPr sz="4000" b="0">
                <a:solidFill>
                  <a:schemeClr val="accent1"/>
                </a:solidFill>
              </a:defRPr>
            </a:lvl7pPr>
            <a:lvl8pPr marL="0" indent="0">
              <a:lnSpc>
                <a:spcPts val="4400"/>
              </a:lnSpc>
              <a:spcBef>
                <a:spcPts val="0"/>
              </a:spcBef>
              <a:spcAft>
                <a:spcPts val="0"/>
              </a:spcAft>
              <a:buFont typeface="Arial" panose="020B0604020202020204" pitchFamily="34" charset="0"/>
              <a:buChar char="​"/>
              <a:defRPr sz="4000" b="0">
                <a:solidFill>
                  <a:schemeClr val="accent1"/>
                </a:solidFill>
              </a:defRPr>
            </a:lvl8pPr>
            <a:lvl9pPr marL="0" indent="0">
              <a:lnSpc>
                <a:spcPts val="4400"/>
              </a:lnSpc>
              <a:spcBef>
                <a:spcPts val="0"/>
              </a:spcBef>
              <a:spcAft>
                <a:spcPts val="0"/>
              </a:spcAft>
              <a:buFont typeface="Arial" panose="020B0604020202020204" pitchFamily="34" charset="0"/>
              <a:buChar char="​"/>
              <a:defRPr sz="4000" b="0">
                <a:solidFill>
                  <a:schemeClr val="accent1"/>
                </a:solidFill>
              </a:defRPr>
            </a:lvl9pPr>
          </a:lstStyle>
          <a:p>
            <a:pPr lvl="0"/>
            <a:r>
              <a:rPr lang="da-DK" noProof="0" dirty="0"/>
              <a:t>Klik for at tilføje agendapunkt</a:t>
            </a:r>
            <a:endParaRPr lang="da-DK" dirty="0"/>
          </a:p>
          <a:p>
            <a:pPr lvl="1"/>
            <a:endParaRPr lang="da-DK" noProof="0" dirty="0"/>
          </a:p>
        </p:txBody>
      </p:sp>
    </p:spTree>
    <p:extLst>
      <p:ext uri="{BB962C8B-B14F-4D97-AF65-F5344CB8AC3E}">
        <p14:creationId xmlns:p14="http://schemas.microsoft.com/office/powerpoint/2010/main" val="3137303599"/>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Agenda tabel">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p:spPr>
        <p:txBody>
          <a:bodyPr/>
          <a:lstStyle>
            <a:lvl1pPr>
              <a:defRPr sz="100">
                <a:noFill/>
              </a:defRPr>
            </a:lvl1pPr>
          </a:lstStyle>
          <a:p>
            <a:fld id="{9B1FEFFC-31B0-457C-A3D6-5C8ECDAEBB26}"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7999"/>
            <a:ext cx="10897200" cy="750923"/>
          </a:xfrm>
        </p:spPr>
        <p:txBody>
          <a:bodyPr/>
          <a:lstStyle>
            <a:lvl1pPr>
              <a:defRPr>
                <a:solidFill>
                  <a:schemeClr val="tx1"/>
                </a:solidFill>
              </a:defRPr>
            </a:lvl1pPr>
          </a:lstStyle>
          <a:p>
            <a:r>
              <a:rPr lang="da-DK" dirty="0"/>
              <a:t>Klik for at tilføje agenda titel</a:t>
            </a:r>
          </a:p>
        </p:txBody>
      </p:sp>
      <p:sp>
        <p:nvSpPr>
          <p:cNvPr id="7" name="Pladsholder til tabel 6">
            <a:extLst>
              <a:ext uri="{FF2B5EF4-FFF2-40B4-BE49-F238E27FC236}">
                <a16:creationId xmlns:a16="http://schemas.microsoft.com/office/drawing/2014/main" id="{30C11071-5D19-0FA9-64F6-6DEDF09EC59B}"/>
              </a:ext>
            </a:extLst>
          </p:cNvPr>
          <p:cNvSpPr>
            <a:spLocks noGrp="1"/>
          </p:cNvSpPr>
          <p:nvPr>
            <p:ph type="tbl" sz="quarter" idx="18" hasCustomPrompt="1"/>
          </p:nvPr>
        </p:nvSpPr>
        <p:spPr>
          <a:xfrm>
            <a:off x="647700" y="1400400"/>
            <a:ext cx="10895013" cy="4549550"/>
          </a:xfrm>
        </p:spPr>
        <p:txBody>
          <a:bodyPr tIns="684000" anchor="ctr" anchorCtr="0"/>
          <a:lstStyle>
            <a:lvl1pPr marL="0" indent="0" algn="ctr">
              <a:buNone/>
              <a:defRPr>
                <a:solidFill>
                  <a:schemeClr val="tx1"/>
                </a:solidFill>
              </a:defRPr>
            </a:lvl1pPr>
          </a:lstStyle>
          <a:p>
            <a:r>
              <a:rPr lang="da-DK" dirty="0"/>
              <a:t>Klik på ikonet for at indsætte agenda tabel</a:t>
            </a:r>
          </a:p>
        </p:txBody>
      </p:sp>
      <p:pic>
        <p:nvPicPr>
          <p:cNvPr id="4" name="Dynamic logo hvid" descr="{&quot;templafy&quot;:{&quot;id&quot;:&quot;28a43050-a700-4da5-afa6-01d49659c75e&quot;}}">
            <a:extLst>
              <a:ext uri="{FF2B5EF4-FFF2-40B4-BE49-F238E27FC236}">
                <a16:creationId xmlns:a16="http://schemas.microsoft.com/office/drawing/2014/main" id="{995357A5-2681-4DF7-7FB6-DECBA31915F9}"/>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6146006"/>
            <a:ext cx="3224613" cy="720090"/>
          </a:xfrm>
          <a:prstGeom prst="rect">
            <a:avLst/>
          </a:prstGeom>
        </p:spPr>
      </p:pic>
    </p:spTree>
    <p:extLst>
      <p:ext uri="{BB962C8B-B14F-4D97-AF65-F5344CB8AC3E}">
        <p14:creationId xmlns:p14="http://schemas.microsoft.com/office/powerpoint/2010/main" val="186772187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82">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Kapitel stor titel">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F4854BEB-E42B-41CA-9C2A-29C2A5ED8DE1}"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18" name="Kombinationstegning: figur 17">
            <a:extLst>
              <a:ext uri="{FF2B5EF4-FFF2-40B4-BE49-F238E27FC236}">
                <a16:creationId xmlns:a16="http://schemas.microsoft.com/office/drawing/2014/main" id="{0BE627A4-7FDC-7163-2482-DB104564D43E}"/>
              </a:ext>
            </a:extLst>
          </p:cNvPr>
          <p:cNvSpPr>
            <a:spLocks noChangeAspect="1"/>
          </p:cNvSpPr>
          <p:nvPr userDrawn="1"/>
        </p:nvSpPr>
        <p:spPr>
          <a:xfrm>
            <a:off x="9777320" y="954000"/>
            <a:ext cx="1774842" cy="864000"/>
          </a:xfrm>
          <a:custGeom>
            <a:avLst/>
            <a:gdLst>
              <a:gd name="connsiteX0" fmla="*/ 162839 w 1774842"/>
              <a:gd name="connsiteY0" fmla="*/ 0 h 864000"/>
              <a:gd name="connsiteX1" fmla="*/ 1124753 w 1774842"/>
              <a:gd name="connsiteY1" fmla="*/ 0 h 864000"/>
              <a:gd name="connsiteX2" fmla="*/ 1182661 w 1774842"/>
              <a:gd name="connsiteY2" fmla="*/ 0 h 864000"/>
              <a:gd name="connsiteX3" fmla="*/ 1342842 w 1774842"/>
              <a:gd name="connsiteY3" fmla="*/ 0 h 864000"/>
              <a:gd name="connsiteX4" fmla="*/ 1345500 w 1774842"/>
              <a:gd name="connsiteY4" fmla="*/ 0 h 864000"/>
              <a:gd name="connsiteX5" fmla="*/ 1345500 w 1774842"/>
              <a:gd name="connsiteY5" fmla="*/ 268 h 864000"/>
              <a:gd name="connsiteX6" fmla="*/ 1429905 w 1774842"/>
              <a:gd name="connsiteY6" fmla="*/ 8777 h 864000"/>
              <a:gd name="connsiteX7" fmla="*/ 1774842 w 1774842"/>
              <a:gd name="connsiteY7" fmla="*/ 432000 h 864000"/>
              <a:gd name="connsiteX8" fmla="*/ 1429905 w 1774842"/>
              <a:gd name="connsiteY8" fmla="*/ 855223 h 864000"/>
              <a:gd name="connsiteX9" fmla="*/ 1345500 w 1774842"/>
              <a:gd name="connsiteY9" fmla="*/ 863732 h 864000"/>
              <a:gd name="connsiteX10" fmla="*/ 1345500 w 1774842"/>
              <a:gd name="connsiteY10" fmla="*/ 864000 h 864000"/>
              <a:gd name="connsiteX11" fmla="*/ 1342842 w 1774842"/>
              <a:gd name="connsiteY11" fmla="*/ 864000 h 864000"/>
              <a:gd name="connsiteX12" fmla="*/ 1182661 w 1774842"/>
              <a:gd name="connsiteY12" fmla="*/ 864000 h 864000"/>
              <a:gd name="connsiteX13" fmla="*/ 1124753 w 1774842"/>
              <a:gd name="connsiteY13" fmla="*/ 864000 h 864000"/>
              <a:gd name="connsiteX14" fmla="*/ 220747 w 1774842"/>
              <a:gd name="connsiteY14" fmla="*/ 864000 h 864000"/>
              <a:gd name="connsiteX15" fmla="*/ 162839 w 1774842"/>
              <a:gd name="connsiteY15" fmla="*/ 864000 h 864000"/>
              <a:gd name="connsiteX16" fmla="*/ 0 w 1774842"/>
              <a:gd name="connsiteY16" fmla="*/ 864000 h 864000"/>
              <a:gd name="connsiteX17" fmla="*/ 0 w 1774842"/>
              <a:gd name="connsiteY17" fmla="*/ 698648 h 864000"/>
              <a:gd name="connsiteX18" fmla="*/ 0 w 1774842"/>
              <a:gd name="connsiteY18" fmla="*/ 639847 h 864000"/>
              <a:gd name="connsiteX19" fmla="*/ 0 w 1774842"/>
              <a:gd name="connsiteY19" fmla="*/ 165352 h 864000"/>
              <a:gd name="connsiteX20" fmla="*/ 162839 w 1774842"/>
              <a:gd name="connsiteY20" fmla="*/ 0 h 8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74842" h="864000">
                <a:moveTo>
                  <a:pt x="162839" y="0"/>
                </a:moveTo>
                <a:lnTo>
                  <a:pt x="1124753" y="0"/>
                </a:lnTo>
                <a:lnTo>
                  <a:pt x="1182661" y="0"/>
                </a:lnTo>
                <a:lnTo>
                  <a:pt x="1342842" y="0"/>
                </a:lnTo>
                <a:lnTo>
                  <a:pt x="1345500" y="0"/>
                </a:lnTo>
                <a:lnTo>
                  <a:pt x="1345500" y="268"/>
                </a:lnTo>
                <a:lnTo>
                  <a:pt x="1429905" y="8777"/>
                </a:lnTo>
                <a:cubicBezTo>
                  <a:pt x="1626760" y="49059"/>
                  <a:pt x="1774842" y="223236"/>
                  <a:pt x="1774842" y="432000"/>
                </a:cubicBezTo>
                <a:cubicBezTo>
                  <a:pt x="1774842" y="640764"/>
                  <a:pt x="1626760" y="814941"/>
                  <a:pt x="1429905" y="855223"/>
                </a:cubicBezTo>
                <a:lnTo>
                  <a:pt x="1345500" y="863732"/>
                </a:lnTo>
                <a:lnTo>
                  <a:pt x="1345500" y="864000"/>
                </a:lnTo>
                <a:lnTo>
                  <a:pt x="1342842" y="864000"/>
                </a:lnTo>
                <a:lnTo>
                  <a:pt x="1182661" y="864000"/>
                </a:lnTo>
                <a:lnTo>
                  <a:pt x="1124753" y="864000"/>
                </a:lnTo>
                <a:lnTo>
                  <a:pt x="220747" y="864000"/>
                </a:lnTo>
                <a:lnTo>
                  <a:pt x="162839" y="864000"/>
                </a:lnTo>
                <a:lnTo>
                  <a:pt x="0" y="864000"/>
                </a:lnTo>
                <a:lnTo>
                  <a:pt x="0" y="698648"/>
                </a:lnTo>
                <a:lnTo>
                  <a:pt x="0" y="639847"/>
                </a:lnTo>
                <a:lnTo>
                  <a:pt x="0" y="165352"/>
                </a:lnTo>
                <a:cubicBezTo>
                  <a:pt x="0" y="74031"/>
                  <a:pt x="72906" y="0"/>
                  <a:pt x="162839"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24000" rIns="360000" bIns="360000" anchor="ctr" anchorCtr="0">
            <a:noAutofit/>
          </a:bodyPr>
          <a:lstStyle>
            <a:lvl1pPr algn="ctr">
              <a:lnSpc>
                <a:spcPct val="100000"/>
              </a:lnSpc>
              <a:defRPr sz="9600" b="0">
                <a:solidFill>
                  <a:schemeClr val="accent1"/>
                </a:solidFill>
              </a:defRPr>
            </a:lvl1pPr>
          </a:lstStyle>
          <a:p>
            <a:r>
              <a:rPr lang="da-DK" dirty="0"/>
              <a:t>Klik og tilføj titel</a:t>
            </a:r>
          </a:p>
        </p:txBody>
      </p:sp>
      <p:sp>
        <p:nvSpPr>
          <p:cNvPr id="3" name="Pladsholder til tekst 2">
            <a:extLst>
              <a:ext uri="{FF2B5EF4-FFF2-40B4-BE49-F238E27FC236}">
                <a16:creationId xmlns:a16="http://schemas.microsoft.com/office/drawing/2014/main" id="{F89E3EBE-8AA5-6E31-828C-000E9EB15518}"/>
              </a:ext>
            </a:extLst>
          </p:cNvPr>
          <p:cNvSpPr>
            <a:spLocks noGrp="1"/>
          </p:cNvSpPr>
          <p:nvPr>
            <p:ph type="body" sz="quarter" idx="18" hasCustomPrompt="1"/>
          </p:nvPr>
        </p:nvSpPr>
        <p:spPr>
          <a:xfrm>
            <a:off x="10226816" y="954000"/>
            <a:ext cx="900000" cy="864000"/>
          </a:xfrm>
        </p:spPr>
        <p:txBody>
          <a:bodyPr tIns="36000"/>
          <a:lstStyle>
            <a:lvl1pPr marL="0" indent="0">
              <a:lnSpc>
                <a:spcPct val="100000"/>
              </a:lnSpc>
              <a:spcAft>
                <a:spcPts val="0"/>
              </a:spcAft>
              <a:buNone/>
              <a:defRPr sz="5400">
                <a:solidFill>
                  <a:schemeClr val="bg1"/>
                </a:solidFill>
                <a:latin typeface="DI Numbers Office" pitchFamily="2" charset="0"/>
              </a:defRPr>
            </a:lvl1pPr>
            <a:lvl2pPr marL="0" indent="0">
              <a:lnSpc>
                <a:spcPct val="100000"/>
              </a:lnSpc>
              <a:spcAft>
                <a:spcPts val="0"/>
              </a:spcAft>
              <a:buNone/>
              <a:defRPr sz="5400">
                <a:latin typeface="DI Numbers Office" pitchFamily="2" charset="0"/>
              </a:defRPr>
            </a:lvl2pPr>
            <a:lvl3pPr marL="0" indent="0">
              <a:lnSpc>
                <a:spcPct val="100000"/>
              </a:lnSpc>
              <a:spcAft>
                <a:spcPts val="0"/>
              </a:spcAft>
              <a:buNone/>
              <a:defRPr sz="5400">
                <a:latin typeface="DI Numbers Office" pitchFamily="2" charset="0"/>
              </a:defRPr>
            </a:lvl3pPr>
            <a:lvl4pPr marL="0">
              <a:lnSpc>
                <a:spcPct val="100000"/>
              </a:lnSpc>
              <a:spcAft>
                <a:spcPts val="0"/>
              </a:spcAft>
              <a:buNone/>
              <a:defRPr sz="5400">
                <a:latin typeface="DI Numbers Office" pitchFamily="2" charset="0"/>
              </a:defRPr>
            </a:lvl4pPr>
            <a:lvl5pPr marL="0">
              <a:lnSpc>
                <a:spcPct val="100000"/>
              </a:lnSpc>
              <a:spcAft>
                <a:spcPts val="0"/>
              </a:spcAft>
              <a:buNone/>
              <a:defRPr sz="5400">
                <a:latin typeface="DI Numbers Office" pitchFamily="2" charset="0"/>
              </a:defRPr>
            </a:lvl5pPr>
            <a:lvl6pPr marL="0" indent="0">
              <a:lnSpc>
                <a:spcPct val="100000"/>
              </a:lnSpc>
              <a:spcAft>
                <a:spcPts val="0"/>
              </a:spcAft>
              <a:buNone/>
              <a:defRPr sz="5400">
                <a:latin typeface="DI Numbers Office" pitchFamily="2" charset="0"/>
              </a:defRPr>
            </a:lvl6pPr>
            <a:lvl7pPr marL="0">
              <a:lnSpc>
                <a:spcPct val="100000"/>
              </a:lnSpc>
              <a:spcAft>
                <a:spcPts val="0"/>
              </a:spcAft>
              <a:buNone/>
              <a:defRPr sz="5400">
                <a:latin typeface="DI Numbers Office" pitchFamily="2" charset="0"/>
              </a:defRPr>
            </a:lvl7pPr>
            <a:lvl8pPr marL="0">
              <a:lnSpc>
                <a:spcPct val="100000"/>
              </a:lnSpc>
              <a:spcAft>
                <a:spcPts val="0"/>
              </a:spcAft>
              <a:buNone/>
              <a:defRPr sz="5400">
                <a:latin typeface="DI Numbers Office" pitchFamily="2" charset="0"/>
              </a:defRPr>
            </a:lvl8pPr>
            <a:lvl9pPr marL="0">
              <a:lnSpc>
                <a:spcPct val="100000"/>
              </a:lnSpc>
              <a:spcAft>
                <a:spcPts val="0"/>
              </a:spcAft>
              <a:buNone/>
              <a:defRPr sz="5400">
                <a:latin typeface="DI Numbers Office" pitchFamily="2" charset="0"/>
              </a:defRPr>
            </a:lvl9pPr>
          </a:lstStyle>
          <a:p>
            <a:pPr lvl="0"/>
            <a:r>
              <a:rPr lang="da-DK" noProof="0" dirty="0"/>
              <a:t>01</a:t>
            </a:r>
            <a:endParaRPr lang="da-DK" dirty="0"/>
          </a:p>
        </p:txBody>
      </p:sp>
    </p:spTree>
    <p:extLst>
      <p:ext uri="{BB962C8B-B14F-4D97-AF65-F5344CB8AC3E}">
        <p14:creationId xmlns:p14="http://schemas.microsoft.com/office/powerpoint/2010/main" val="128908799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apitel lille titel">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B1A1CD55-E521-44FD-A6A5-0C1A34CA2475}"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60000" rIns="360000" bIns="360000" anchor="t" anchorCtr="0">
            <a:noAutofit/>
          </a:bodyPr>
          <a:lstStyle>
            <a:lvl1pPr algn="l">
              <a:lnSpc>
                <a:spcPct val="89000"/>
              </a:lnSpc>
              <a:defRPr sz="4800" b="0">
                <a:solidFill>
                  <a:schemeClr val="accent1"/>
                </a:solidFill>
              </a:defRPr>
            </a:lvl1pPr>
          </a:lstStyle>
          <a:p>
            <a:r>
              <a:rPr lang="da-DK" dirty="0"/>
              <a:t>Klik og tilføj titel</a:t>
            </a:r>
          </a:p>
        </p:txBody>
      </p:sp>
      <p:sp>
        <p:nvSpPr>
          <p:cNvPr id="2" name="Kombinationstegning: figur 1">
            <a:extLst>
              <a:ext uri="{FF2B5EF4-FFF2-40B4-BE49-F238E27FC236}">
                <a16:creationId xmlns:a16="http://schemas.microsoft.com/office/drawing/2014/main" id="{25FAA383-8643-B920-15C7-85B2976664FC}"/>
              </a:ext>
            </a:extLst>
          </p:cNvPr>
          <p:cNvSpPr>
            <a:spLocks noChangeAspect="1"/>
          </p:cNvSpPr>
          <p:nvPr userDrawn="1"/>
        </p:nvSpPr>
        <p:spPr>
          <a:xfrm>
            <a:off x="9777320" y="954000"/>
            <a:ext cx="1774842" cy="864000"/>
          </a:xfrm>
          <a:custGeom>
            <a:avLst/>
            <a:gdLst>
              <a:gd name="connsiteX0" fmla="*/ 162839 w 1774842"/>
              <a:gd name="connsiteY0" fmla="*/ 0 h 864000"/>
              <a:gd name="connsiteX1" fmla="*/ 1124753 w 1774842"/>
              <a:gd name="connsiteY1" fmla="*/ 0 h 864000"/>
              <a:gd name="connsiteX2" fmla="*/ 1182661 w 1774842"/>
              <a:gd name="connsiteY2" fmla="*/ 0 h 864000"/>
              <a:gd name="connsiteX3" fmla="*/ 1342842 w 1774842"/>
              <a:gd name="connsiteY3" fmla="*/ 0 h 864000"/>
              <a:gd name="connsiteX4" fmla="*/ 1345500 w 1774842"/>
              <a:gd name="connsiteY4" fmla="*/ 0 h 864000"/>
              <a:gd name="connsiteX5" fmla="*/ 1345500 w 1774842"/>
              <a:gd name="connsiteY5" fmla="*/ 268 h 864000"/>
              <a:gd name="connsiteX6" fmla="*/ 1429905 w 1774842"/>
              <a:gd name="connsiteY6" fmla="*/ 8777 h 864000"/>
              <a:gd name="connsiteX7" fmla="*/ 1774842 w 1774842"/>
              <a:gd name="connsiteY7" fmla="*/ 432000 h 864000"/>
              <a:gd name="connsiteX8" fmla="*/ 1429905 w 1774842"/>
              <a:gd name="connsiteY8" fmla="*/ 855223 h 864000"/>
              <a:gd name="connsiteX9" fmla="*/ 1345500 w 1774842"/>
              <a:gd name="connsiteY9" fmla="*/ 863732 h 864000"/>
              <a:gd name="connsiteX10" fmla="*/ 1345500 w 1774842"/>
              <a:gd name="connsiteY10" fmla="*/ 864000 h 864000"/>
              <a:gd name="connsiteX11" fmla="*/ 1342842 w 1774842"/>
              <a:gd name="connsiteY11" fmla="*/ 864000 h 864000"/>
              <a:gd name="connsiteX12" fmla="*/ 1182661 w 1774842"/>
              <a:gd name="connsiteY12" fmla="*/ 864000 h 864000"/>
              <a:gd name="connsiteX13" fmla="*/ 1124753 w 1774842"/>
              <a:gd name="connsiteY13" fmla="*/ 864000 h 864000"/>
              <a:gd name="connsiteX14" fmla="*/ 220747 w 1774842"/>
              <a:gd name="connsiteY14" fmla="*/ 864000 h 864000"/>
              <a:gd name="connsiteX15" fmla="*/ 162839 w 1774842"/>
              <a:gd name="connsiteY15" fmla="*/ 864000 h 864000"/>
              <a:gd name="connsiteX16" fmla="*/ 0 w 1774842"/>
              <a:gd name="connsiteY16" fmla="*/ 864000 h 864000"/>
              <a:gd name="connsiteX17" fmla="*/ 0 w 1774842"/>
              <a:gd name="connsiteY17" fmla="*/ 698648 h 864000"/>
              <a:gd name="connsiteX18" fmla="*/ 0 w 1774842"/>
              <a:gd name="connsiteY18" fmla="*/ 639847 h 864000"/>
              <a:gd name="connsiteX19" fmla="*/ 0 w 1774842"/>
              <a:gd name="connsiteY19" fmla="*/ 165352 h 864000"/>
              <a:gd name="connsiteX20" fmla="*/ 162839 w 1774842"/>
              <a:gd name="connsiteY20" fmla="*/ 0 h 8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74842" h="864000">
                <a:moveTo>
                  <a:pt x="162839" y="0"/>
                </a:moveTo>
                <a:lnTo>
                  <a:pt x="1124753" y="0"/>
                </a:lnTo>
                <a:lnTo>
                  <a:pt x="1182661" y="0"/>
                </a:lnTo>
                <a:lnTo>
                  <a:pt x="1342842" y="0"/>
                </a:lnTo>
                <a:lnTo>
                  <a:pt x="1345500" y="0"/>
                </a:lnTo>
                <a:lnTo>
                  <a:pt x="1345500" y="268"/>
                </a:lnTo>
                <a:lnTo>
                  <a:pt x="1429905" y="8777"/>
                </a:lnTo>
                <a:cubicBezTo>
                  <a:pt x="1626760" y="49059"/>
                  <a:pt x="1774842" y="223236"/>
                  <a:pt x="1774842" y="432000"/>
                </a:cubicBezTo>
                <a:cubicBezTo>
                  <a:pt x="1774842" y="640764"/>
                  <a:pt x="1626760" y="814941"/>
                  <a:pt x="1429905" y="855223"/>
                </a:cubicBezTo>
                <a:lnTo>
                  <a:pt x="1345500" y="863732"/>
                </a:lnTo>
                <a:lnTo>
                  <a:pt x="1345500" y="864000"/>
                </a:lnTo>
                <a:lnTo>
                  <a:pt x="1342842" y="864000"/>
                </a:lnTo>
                <a:lnTo>
                  <a:pt x="1182661" y="864000"/>
                </a:lnTo>
                <a:lnTo>
                  <a:pt x="1124753" y="864000"/>
                </a:lnTo>
                <a:lnTo>
                  <a:pt x="220747" y="864000"/>
                </a:lnTo>
                <a:lnTo>
                  <a:pt x="162839" y="864000"/>
                </a:lnTo>
                <a:lnTo>
                  <a:pt x="0" y="864000"/>
                </a:lnTo>
                <a:lnTo>
                  <a:pt x="0" y="698648"/>
                </a:lnTo>
                <a:lnTo>
                  <a:pt x="0" y="639847"/>
                </a:lnTo>
                <a:lnTo>
                  <a:pt x="0" y="165352"/>
                </a:lnTo>
                <a:cubicBezTo>
                  <a:pt x="0" y="74031"/>
                  <a:pt x="72906" y="0"/>
                  <a:pt x="162839"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 name="Pladsholder til tekst 2">
            <a:extLst>
              <a:ext uri="{FF2B5EF4-FFF2-40B4-BE49-F238E27FC236}">
                <a16:creationId xmlns:a16="http://schemas.microsoft.com/office/drawing/2014/main" id="{78B7FA76-02C7-CC47-03AF-000FF6CEDE34}"/>
              </a:ext>
            </a:extLst>
          </p:cNvPr>
          <p:cNvSpPr>
            <a:spLocks noGrp="1"/>
          </p:cNvSpPr>
          <p:nvPr>
            <p:ph type="body" sz="quarter" idx="18" hasCustomPrompt="1"/>
          </p:nvPr>
        </p:nvSpPr>
        <p:spPr>
          <a:xfrm>
            <a:off x="10226816" y="954000"/>
            <a:ext cx="900000" cy="864000"/>
          </a:xfrm>
        </p:spPr>
        <p:txBody>
          <a:bodyPr tIns="36000"/>
          <a:lstStyle>
            <a:lvl1pPr marL="0" indent="0">
              <a:lnSpc>
                <a:spcPct val="100000"/>
              </a:lnSpc>
              <a:spcAft>
                <a:spcPts val="0"/>
              </a:spcAft>
              <a:buNone/>
              <a:defRPr sz="5400">
                <a:solidFill>
                  <a:schemeClr val="bg1"/>
                </a:solidFill>
                <a:latin typeface="DI Numbers Office" pitchFamily="2" charset="0"/>
              </a:defRPr>
            </a:lvl1pPr>
            <a:lvl2pPr marL="0" indent="0">
              <a:lnSpc>
                <a:spcPct val="100000"/>
              </a:lnSpc>
              <a:spcAft>
                <a:spcPts val="0"/>
              </a:spcAft>
              <a:buNone/>
              <a:defRPr sz="5400">
                <a:latin typeface="DI Numbers Office" pitchFamily="2" charset="0"/>
              </a:defRPr>
            </a:lvl2pPr>
            <a:lvl3pPr marL="0" indent="0">
              <a:lnSpc>
                <a:spcPct val="100000"/>
              </a:lnSpc>
              <a:spcAft>
                <a:spcPts val="0"/>
              </a:spcAft>
              <a:buNone/>
              <a:defRPr sz="5400">
                <a:latin typeface="DI Numbers Office" pitchFamily="2" charset="0"/>
              </a:defRPr>
            </a:lvl3pPr>
            <a:lvl4pPr marL="0">
              <a:lnSpc>
                <a:spcPct val="100000"/>
              </a:lnSpc>
              <a:spcAft>
                <a:spcPts val="0"/>
              </a:spcAft>
              <a:buNone/>
              <a:defRPr sz="5400">
                <a:latin typeface="DI Numbers Office" pitchFamily="2" charset="0"/>
              </a:defRPr>
            </a:lvl4pPr>
            <a:lvl5pPr marL="0">
              <a:lnSpc>
                <a:spcPct val="100000"/>
              </a:lnSpc>
              <a:spcAft>
                <a:spcPts val="0"/>
              </a:spcAft>
              <a:buNone/>
              <a:defRPr sz="5400">
                <a:latin typeface="DI Numbers Office" pitchFamily="2" charset="0"/>
              </a:defRPr>
            </a:lvl5pPr>
            <a:lvl6pPr marL="0" indent="0">
              <a:lnSpc>
                <a:spcPct val="100000"/>
              </a:lnSpc>
              <a:spcAft>
                <a:spcPts val="0"/>
              </a:spcAft>
              <a:buNone/>
              <a:defRPr sz="5400">
                <a:latin typeface="DI Numbers Office" pitchFamily="2" charset="0"/>
              </a:defRPr>
            </a:lvl6pPr>
            <a:lvl7pPr marL="0">
              <a:lnSpc>
                <a:spcPct val="100000"/>
              </a:lnSpc>
              <a:spcAft>
                <a:spcPts val="0"/>
              </a:spcAft>
              <a:buNone/>
              <a:defRPr sz="5400">
                <a:latin typeface="DI Numbers Office" pitchFamily="2" charset="0"/>
              </a:defRPr>
            </a:lvl7pPr>
            <a:lvl8pPr marL="0">
              <a:lnSpc>
                <a:spcPct val="100000"/>
              </a:lnSpc>
              <a:spcAft>
                <a:spcPts val="0"/>
              </a:spcAft>
              <a:buNone/>
              <a:defRPr sz="5400">
                <a:latin typeface="DI Numbers Office" pitchFamily="2" charset="0"/>
              </a:defRPr>
            </a:lvl8pPr>
            <a:lvl9pPr marL="0">
              <a:lnSpc>
                <a:spcPct val="100000"/>
              </a:lnSpc>
              <a:spcAft>
                <a:spcPts val="0"/>
              </a:spcAft>
              <a:buNone/>
              <a:defRPr sz="5400">
                <a:latin typeface="DI Numbers Office" pitchFamily="2" charset="0"/>
              </a:defRPr>
            </a:lvl9pPr>
          </a:lstStyle>
          <a:p>
            <a:pPr lvl="0"/>
            <a:r>
              <a:rPr lang="da-DK" noProof="0" dirty="0"/>
              <a:t>02</a:t>
            </a:r>
            <a:endParaRPr lang="da-DK" dirty="0"/>
          </a:p>
        </p:txBody>
      </p:sp>
    </p:spTree>
    <p:extLst>
      <p:ext uri="{BB962C8B-B14F-4D97-AF65-F5344CB8AC3E}">
        <p14:creationId xmlns:p14="http://schemas.microsoft.com/office/powerpoint/2010/main" val="2130436104"/>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el og et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indsætte overskrift – max. to linjer</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4" name="Text Placeholder note">
            <a:extLst>
              <a:ext uri="{FF2B5EF4-FFF2-40B4-BE49-F238E27FC236}">
                <a16:creationId xmlns:a16="http://schemas.microsoft.com/office/drawing/2014/main" id="{EF0AF0F1-4779-0FFA-EF48-5157A6907B78}"/>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5" name="Pladsholder til dato 4" hidden="1">
            <a:extLst>
              <a:ext uri="{FF2B5EF4-FFF2-40B4-BE49-F238E27FC236}">
                <a16:creationId xmlns:a16="http://schemas.microsoft.com/office/drawing/2014/main" id="{EB0117F5-CCCE-538C-5F4B-9E83D036A40E}"/>
              </a:ext>
            </a:extLst>
          </p:cNvPr>
          <p:cNvSpPr>
            <a:spLocks noGrp="1"/>
          </p:cNvSpPr>
          <p:nvPr>
            <p:ph type="dt" sz="half" idx="18"/>
          </p:nvPr>
        </p:nvSpPr>
        <p:spPr/>
        <p:txBody>
          <a:bodyPr/>
          <a:lstStyle/>
          <a:p>
            <a:fld id="{44D8C6C3-D430-4DAF-92AA-EBC816A3542B}" type="datetime2">
              <a:rPr lang="da-DK" smtClean="0"/>
              <a:t>11. september 2024</a:t>
            </a:fld>
            <a:endParaRPr lang="da-DK" dirty="0"/>
          </a:p>
        </p:txBody>
      </p:sp>
      <p:sp>
        <p:nvSpPr>
          <p:cNvPr id="6" name="Pladsholder til sidefod 5" hidden="1">
            <a:extLst>
              <a:ext uri="{FF2B5EF4-FFF2-40B4-BE49-F238E27FC236}">
                <a16:creationId xmlns:a16="http://schemas.microsoft.com/office/drawing/2014/main" id="{D6A145C2-3E64-4708-3BF6-DC7B93D613B7}"/>
              </a:ext>
            </a:extLst>
          </p:cNvPr>
          <p:cNvSpPr>
            <a:spLocks noGrp="1"/>
          </p:cNvSpPr>
          <p:nvPr>
            <p:ph type="ftr" sz="quarter" idx="19"/>
          </p:nvPr>
        </p:nvSpPr>
        <p:spPr/>
        <p:txBody>
          <a:bodyPr/>
          <a:lstStyle/>
          <a:p>
            <a:endParaRPr lang="da-DK" dirty="0"/>
          </a:p>
        </p:txBody>
      </p:sp>
      <p:sp>
        <p:nvSpPr>
          <p:cNvPr id="7" name="Pladsholder til slidenummer 6" hidden="1">
            <a:extLst>
              <a:ext uri="{FF2B5EF4-FFF2-40B4-BE49-F238E27FC236}">
                <a16:creationId xmlns:a16="http://schemas.microsoft.com/office/drawing/2014/main" id="{17F63FBC-E640-C1CF-FE98-D81C05D36683}"/>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932925142"/>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Forside grafik og billede">
    <p:bg>
      <p:bgPr>
        <a:solidFill>
          <a:schemeClr val="bg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F0F9CC8B-76AD-439D-B13F-C37266E9F73E}" type="datetime2">
              <a:rPr lang="da-DK" smtClean="0"/>
              <a:t>11.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51" name="Kombinationstegning: figur 50">
            <a:extLst>
              <a:ext uri="{FF2B5EF4-FFF2-40B4-BE49-F238E27FC236}">
                <a16:creationId xmlns:a16="http://schemas.microsoft.com/office/drawing/2014/main" id="{E7C26656-999E-E543-4486-447B68DD471C}"/>
              </a:ext>
            </a:extLst>
          </p:cNvPr>
          <p:cNvSpPr/>
          <p:nvPr userDrawn="1"/>
        </p:nvSpPr>
        <p:spPr>
          <a:xfrm>
            <a:off x="1904246" y="245097"/>
            <a:ext cx="5463070" cy="2666656"/>
          </a:xfrm>
          <a:custGeom>
            <a:avLst/>
            <a:gdLst>
              <a:gd name="connsiteX0" fmla="*/ 181093 w 5463070"/>
              <a:gd name="connsiteY0" fmla="*/ 0 h 2666656"/>
              <a:gd name="connsiteX1" fmla="*/ 5281977 w 5463070"/>
              <a:gd name="connsiteY1" fmla="*/ 0 h 2666656"/>
              <a:gd name="connsiteX2" fmla="*/ 5463070 w 5463070"/>
              <a:gd name="connsiteY2" fmla="*/ 181093 h 2666656"/>
              <a:gd name="connsiteX3" fmla="*/ 5463070 w 5463070"/>
              <a:gd name="connsiteY3" fmla="*/ 2485563 h 2666656"/>
              <a:gd name="connsiteX4" fmla="*/ 5281977 w 5463070"/>
              <a:gd name="connsiteY4" fmla="*/ 2666656 h 2666656"/>
              <a:gd name="connsiteX5" fmla="*/ 575035 w 5463070"/>
              <a:gd name="connsiteY5" fmla="*/ 2666656 h 2666656"/>
              <a:gd name="connsiteX6" fmla="*/ 181093 w 5463070"/>
              <a:gd name="connsiteY6" fmla="*/ 2666656 h 2666656"/>
              <a:gd name="connsiteX7" fmla="*/ 0 w 5463070"/>
              <a:gd name="connsiteY7" fmla="*/ 2666656 h 2666656"/>
              <a:gd name="connsiteX8" fmla="*/ 0 w 5463070"/>
              <a:gd name="connsiteY8" fmla="*/ 2485563 h 2666656"/>
              <a:gd name="connsiteX9" fmla="*/ 0 w 5463070"/>
              <a:gd name="connsiteY9" fmla="*/ 2082194 h 2666656"/>
              <a:gd name="connsiteX10" fmla="*/ 0 w 5463070"/>
              <a:gd name="connsiteY10" fmla="*/ 181093 h 2666656"/>
              <a:gd name="connsiteX11" fmla="*/ 181093 w 5463070"/>
              <a:gd name="connsiteY11" fmla="*/ 0 h 26666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463070" h="2666656">
                <a:moveTo>
                  <a:pt x="181093" y="0"/>
                </a:moveTo>
                <a:lnTo>
                  <a:pt x="5281977" y="0"/>
                </a:lnTo>
                <a:cubicBezTo>
                  <a:pt x="5381992" y="0"/>
                  <a:pt x="5463070" y="81078"/>
                  <a:pt x="5463070" y="181093"/>
                </a:cubicBezTo>
                <a:lnTo>
                  <a:pt x="5463070" y="2485563"/>
                </a:lnTo>
                <a:cubicBezTo>
                  <a:pt x="5463070" y="2585578"/>
                  <a:pt x="5381992" y="2666656"/>
                  <a:pt x="5281977" y="2666656"/>
                </a:cubicBezTo>
                <a:lnTo>
                  <a:pt x="575035" y="2666656"/>
                </a:lnTo>
                <a:lnTo>
                  <a:pt x="181093" y="2666656"/>
                </a:lnTo>
                <a:lnTo>
                  <a:pt x="0" y="2666656"/>
                </a:lnTo>
                <a:lnTo>
                  <a:pt x="0" y="2485563"/>
                </a:lnTo>
                <a:lnTo>
                  <a:pt x="0" y="2082194"/>
                </a:lnTo>
                <a:lnTo>
                  <a:pt x="0" y="181093"/>
                </a:lnTo>
                <a:cubicBezTo>
                  <a:pt x="0" y="81078"/>
                  <a:pt x="81078" y="0"/>
                  <a:pt x="181093"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9" name="Kombinationstegning: figur 48">
            <a:extLst>
              <a:ext uri="{FF2B5EF4-FFF2-40B4-BE49-F238E27FC236}">
                <a16:creationId xmlns:a16="http://schemas.microsoft.com/office/drawing/2014/main" id="{755B547F-186A-F034-8199-2C5F8838F2F1}"/>
              </a:ext>
            </a:extLst>
          </p:cNvPr>
          <p:cNvSpPr/>
          <p:nvPr userDrawn="1"/>
        </p:nvSpPr>
        <p:spPr>
          <a:xfrm>
            <a:off x="0" y="1"/>
            <a:ext cx="1653766" cy="2900487"/>
          </a:xfrm>
          <a:custGeom>
            <a:avLst/>
            <a:gdLst>
              <a:gd name="connsiteX0" fmla="*/ 0 w 1653766"/>
              <a:gd name="connsiteY0" fmla="*/ 0 h 2900487"/>
              <a:gd name="connsiteX1" fmla="*/ 163177 w 1653766"/>
              <a:gd name="connsiteY1" fmla="*/ 0 h 2900487"/>
              <a:gd name="connsiteX2" fmla="*/ 575035 w 1653766"/>
              <a:gd name="connsiteY2" fmla="*/ 0 h 2900487"/>
              <a:gd name="connsiteX3" fmla="*/ 1078731 w 1653766"/>
              <a:gd name="connsiteY3" fmla="*/ 0 h 2900487"/>
              <a:gd name="connsiteX4" fmla="*/ 1490589 w 1653766"/>
              <a:gd name="connsiteY4" fmla="*/ 0 h 2900487"/>
              <a:gd name="connsiteX5" fmla="*/ 1653766 w 1653766"/>
              <a:gd name="connsiteY5" fmla="*/ 0 h 2900487"/>
              <a:gd name="connsiteX6" fmla="*/ 1653766 w 1653766"/>
              <a:gd name="connsiteY6" fmla="*/ 163177 h 2900487"/>
              <a:gd name="connsiteX7" fmla="*/ 1653766 w 1653766"/>
              <a:gd name="connsiteY7" fmla="*/ 584462 h 2900487"/>
              <a:gd name="connsiteX8" fmla="*/ 1653766 w 1653766"/>
              <a:gd name="connsiteY8" fmla="*/ 2737310 h 2900487"/>
              <a:gd name="connsiteX9" fmla="*/ 1490589 w 1653766"/>
              <a:gd name="connsiteY9" fmla="*/ 2900487 h 2900487"/>
              <a:gd name="connsiteX10" fmla="*/ 575035 w 1653766"/>
              <a:gd name="connsiteY10" fmla="*/ 2900487 h 2900487"/>
              <a:gd name="connsiteX11" fmla="*/ 163177 w 1653766"/>
              <a:gd name="connsiteY11" fmla="*/ 2900487 h 2900487"/>
              <a:gd name="connsiteX12" fmla="*/ 0 w 1653766"/>
              <a:gd name="connsiteY12" fmla="*/ 2900487 h 2900487"/>
              <a:gd name="connsiteX13" fmla="*/ 0 w 1653766"/>
              <a:gd name="connsiteY13" fmla="*/ 2737310 h 2900487"/>
              <a:gd name="connsiteX14" fmla="*/ 0 w 1653766"/>
              <a:gd name="connsiteY14" fmla="*/ 2316025 h 2900487"/>
              <a:gd name="connsiteX15" fmla="*/ 0 w 1653766"/>
              <a:gd name="connsiteY15" fmla="*/ 584462 h 2900487"/>
              <a:gd name="connsiteX16" fmla="*/ 0 w 1653766"/>
              <a:gd name="connsiteY16" fmla="*/ 163177 h 2900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653766" h="2900487">
                <a:moveTo>
                  <a:pt x="0" y="0"/>
                </a:moveTo>
                <a:lnTo>
                  <a:pt x="163177" y="0"/>
                </a:lnTo>
                <a:lnTo>
                  <a:pt x="575035" y="0"/>
                </a:lnTo>
                <a:lnTo>
                  <a:pt x="1078731" y="0"/>
                </a:lnTo>
                <a:lnTo>
                  <a:pt x="1490589" y="0"/>
                </a:lnTo>
                <a:lnTo>
                  <a:pt x="1653766" y="0"/>
                </a:lnTo>
                <a:lnTo>
                  <a:pt x="1653766" y="163177"/>
                </a:lnTo>
                <a:lnTo>
                  <a:pt x="1653766" y="584462"/>
                </a:lnTo>
                <a:lnTo>
                  <a:pt x="1653766" y="2737310"/>
                </a:lnTo>
                <a:cubicBezTo>
                  <a:pt x="1653766" y="2827430"/>
                  <a:pt x="1580709" y="2900487"/>
                  <a:pt x="1490589" y="2900487"/>
                </a:cubicBezTo>
                <a:lnTo>
                  <a:pt x="575035" y="2900487"/>
                </a:lnTo>
                <a:lnTo>
                  <a:pt x="163177" y="2900487"/>
                </a:lnTo>
                <a:lnTo>
                  <a:pt x="0" y="2900487"/>
                </a:lnTo>
                <a:lnTo>
                  <a:pt x="0" y="2737310"/>
                </a:lnTo>
                <a:lnTo>
                  <a:pt x="0" y="2316025"/>
                </a:lnTo>
                <a:lnTo>
                  <a:pt x="0" y="584462"/>
                </a:lnTo>
                <a:lnTo>
                  <a:pt x="0" y="163177"/>
                </a:ln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52" name="Kombinationstegning: figur 51">
            <a:extLst>
              <a:ext uri="{FF2B5EF4-FFF2-40B4-BE49-F238E27FC236}">
                <a16:creationId xmlns:a16="http://schemas.microsoft.com/office/drawing/2014/main" id="{CAE133EE-A739-6965-8F7E-F72BBBD76339}"/>
              </a:ext>
            </a:extLst>
          </p:cNvPr>
          <p:cNvSpPr/>
          <p:nvPr userDrawn="1"/>
        </p:nvSpPr>
        <p:spPr>
          <a:xfrm>
            <a:off x="2541456" y="3171189"/>
            <a:ext cx="2029111" cy="1015913"/>
          </a:xfrm>
          <a:custGeom>
            <a:avLst/>
            <a:gdLst>
              <a:gd name="connsiteX0" fmla="*/ 173752 w 2029111"/>
              <a:gd name="connsiteY0" fmla="*/ 0 h 1015913"/>
              <a:gd name="connsiteX1" fmla="*/ 1855359 w 2029111"/>
              <a:gd name="connsiteY1" fmla="*/ 0 h 1015913"/>
              <a:gd name="connsiteX2" fmla="*/ 2029111 w 2029111"/>
              <a:gd name="connsiteY2" fmla="*/ 173752 h 1015913"/>
              <a:gd name="connsiteX3" fmla="*/ 2029111 w 2029111"/>
              <a:gd name="connsiteY3" fmla="*/ 431451 h 1015913"/>
              <a:gd name="connsiteX4" fmla="*/ 2029111 w 2029111"/>
              <a:gd name="connsiteY4" fmla="*/ 842161 h 1015913"/>
              <a:gd name="connsiteX5" fmla="*/ 2029111 w 2029111"/>
              <a:gd name="connsiteY5" fmla="*/ 1015913 h 1015913"/>
              <a:gd name="connsiteX6" fmla="*/ 1855359 w 2029111"/>
              <a:gd name="connsiteY6" fmla="*/ 1015913 h 1015913"/>
              <a:gd name="connsiteX7" fmla="*/ 1454076 w 2029111"/>
              <a:gd name="connsiteY7" fmla="*/ 1015913 h 1015913"/>
              <a:gd name="connsiteX8" fmla="*/ 173752 w 2029111"/>
              <a:gd name="connsiteY8" fmla="*/ 1015913 h 1015913"/>
              <a:gd name="connsiteX9" fmla="*/ 0 w 2029111"/>
              <a:gd name="connsiteY9" fmla="*/ 842161 h 1015913"/>
              <a:gd name="connsiteX10" fmla="*/ 0 w 2029111"/>
              <a:gd name="connsiteY10" fmla="*/ 173752 h 1015913"/>
              <a:gd name="connsiteX11" fmla="*/ 173752 w 2029111"/>
              <a:gd name="connsiteY11" fmla="*/ 0 h 1015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29111" h="1015913">
                <a:moveTo>
                  <a:pt x="173752" y="0"/>
                </a:moveTo>
                <a:lnTo>
                  <a:pt x="1855359" y="0"/>
                </a:lnTo>
                <a:cubicBezTo>
                  <a:pt x="1951320" y="0"/>
                  <a:pt x="2029111" y="77791"/>
                  <a:pt x="2029111" y="173752"/>
                </a:cubicBezTo>
                <a:lnTo>
                  <a:pt x="2029111" y="431451"/>
                </a:lnTo>
                <a:lnTo>
                  <a:pt x="2029111" y="842161"/>
                </a:lnTo>
                <a:lnTo>
                  <a:pt x="2029111" y="1015913"/>
                </a:lnTo>
                <a:lnTo>
                  <a:pt x="1855359" y="1015913"/>
                </a:lnTo>
                <a:lnTo>
                  <a:pt x="1454076" y="1015913"/>
                </a:lnTo>
                <a:lnTo>
                  <a:pt x="173752" y="1015913"/>
                </a:lnTo>
                <a:cubicBezTo>
                  <a:pt x="77791" y="1015913"/>
                  <a:pt x="0" y="938122"/>
                  <a:pt x="0" y="842161"/>
                </a:cubicBezTo>
                <a:lnTo>
                  <a:pt x="0" y="173752"/>
                </a:lnTo>
                <a:cubicBezTo>
                  <a:pt x="0" y="77791"/>
                  <a:pt x="77791" y="0"/>
                  <a:pt x="173752"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9" y="647999"/>
            <a:ext cx="6246514" cy="2052000"/>
          </a:xfrm>
        </p:spPr>
        <p:txBody>
          <a:bodyPr anchor="t" anchorCtr="0"/>
          <a:lstStyle>
            <a:lvl1pPr algn="l">
              <a:defRPr sz="4800">
                <a:solidFill>
                  <a:schemeClr val="accent1"/>
                </a:solidFill>
              </a:defRPr>
            </a:lvl1pPr>
          </a:lstStyle>
          <a:p>
            <a:r>
              <a:rPr lang="da-DK" dirty="0"/>
              <a:t>Klik for at indsætte overskrift – max. tre linjer</a:t>
            </a:r>
          </a:p>
        </p:txBody>
      </p:sp>
      <p:sp>
        <p:nvSpPr>
          <p:cNvPr id="10" name="Pladsholder til billede 9">
            <a:extLst>
              <a:ext uri="{FF2B5EF4-FFF2-40B4-BE49-F238E27FC236}">
                <a16:creationId xmlns:a16="http://schemas.microsoft.com/office/drawing/2014/main" id="{DC6C5979-C79E-DC54-42DC-16CE569AC6B9}"/>
              </a:ext>
            </a:extLst>
          </p:cNvPr>
          <p:cNvSpPr>
            <a:spLocks noGrp="1"/>
          </p:cNvSpPr>
          <p:nvPr>
            <p:ph type="pic" sz="quarter" idx="14" hasCustomPrompt="1"/>
          </p:nvPr>
        </p:nvSpPr>
        <p:spPr>
          <a:xfrm>
            <a:off x="4823104" y="3171189"/>
            <a:ext cx="7368895" cy="3053532"/>
          </a:xfrm>
          <a:custGeom>
            <a:avLst/>
            <a:gdLst>
              <a:gd name="connsiteX0" fmla="*/ 153837 w 7368895"/>
              <a:gd name="connsiteY0" fmla="*/ 0 h 3053532"/>
              <a:gd name="connsiteX1" fmla="*/ 6614751 w 7368895"/>
              <a:gd name="connsiteY1" fmla="*/ 0 h 3053532"/>
              <a:gd name="connsiteX2" fmla="*/ 7215058 w 7368895"/>
              <a:gd name="connsiteY2" fmla="*/ 0 h 3053532"/>
              <a:gd name="connsiteX3" fmla="*/ 7368895 w 7368895"/>
              <a:gd name="connsiteY3" fmla="*/ 0 h 3053532"/>
              <a:gd name="connsiteX4" fmla="*/ 7368895 w 7368895"/>
              <a:gd name="connsiteY4" fmla="*/ 153837 h 3053532"/>
              <a:gd name="connsiteX5" fmla="*/ 7368895 w 7368895"/>
              <a:gd name="connsiteY5" fmla="*/ 820132 h 3053532"/>
              <a:gd name="connsiteX6" fmla="*/ 7368895 w 7368895"/>
              <a:gd name="connsiteY6" fmla="*/ 2233400 h 3053532"/>
              <a:gd name="connsiteX7" fmla="*/ 7368895 w 7368895"/>
              <a:gd name="connsiteY7" fmla="*/ 2899695 h 3053532"/>
              <a:gd name="connsiteX8" fmla="*/ 7368895 w 7368895"/>
              <a:gd name="connsiteY8" fmla="*/ 3053532 h 3053532"/>
              <a:gd name="connsiteX9" fmla="*/ 7215058 w 7368895"/>
              <a:gd name="connsiteY9" fmla="*/ 3053532 h 3053532"/>
              <a:gd name="connsiteX10" fmla="*/ 6614751 w 7368895"/>
              <a:gd name="connsiteY10" fmla="*/ 3053532 h 3053532"/>
              <a:gd name="connsiteX11" fmla="*/ 153837 w 7368895"/>
              <a:gd name="connsiteY11" fmla="*/ 3053532 h 3053532"/>
              <a:gd name="connsiteX12" fmla="*/ 0 w 7368895"/>
              <a:gd name="connsiteY12" fmla="*/ 2899695 h 3053532"/>
              <a:gd name="connsiteX13" fmla="*/ 0 w 7368895"/>
              <a:gd name="connsiteY13" fmla="*/ 153837 h 3053532"/>
              <a:gd name="connsiteX14" fmla="*/ 153837 w 7368895"/>
              <a:gd name="connsiteY14" fmla="*/ 0 h 3053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368895" h="3053532">
                <a:moveTo>
                  <a:pt x="153837" y="0"/>
                </a:moveTo>
                <a:lnTo>
                  <a:pt x="6614751" y="0"/>
                </a:lnTo>
                <a:lnTo>
                  <a:pt x="7215058" y="0"/>
                </a:lnTo>
                <a:lnTo>
                  <a:pt x="7368895" y="0"/>
                </a:lnTo>
                <a:lnTo>
                  <a:pt x="7368895" y="153837"/>
                </a:lnTo>
                <a:lnTo>
                  <a:pt x="7368895" y="820132"/>
                </a:lnTo>
                <a:lnTo>
                  <a:pt x="7368895" y="2233400"/>
                </a:lnTo>
                <a:lnTo>
                  <a:pt x="7368895" y="2899695"/>
                </a:lnTo>
                <a:lnTo>
                  <a:pt x="7368895" y="3053532"/>
                </a:lnTo>
                <a:lnTo>
                  <a:pt x="7215058" y="3053532"/>
                </a:lnTo>
                <a:lnTo>
                  <a:pt x="6614751" y="3053532"/>
                </a:lnTo>
                <a:lnTo>
                  <a:pt x="153837" y="3053532"/>
                </a:lnTo>
                <a:cubicBezTo>
                  <a:pt x="68875" y="3053532"/>
                  <a:pt x="0" y="2984657"/>
                  <a:pt x="0" y="2899695"/>
                </a:cubicBezTo>
                <a:lnTo>
                  <a:pt x="0" y="153837"/>
                </a:lnTo>
                <a:cubicBezTo>
                  <a:pt x="0" y="68875"/>
                  <a:pt x="68875" y="0"/>
                  <a:pt x="153837"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34" name="Kombinationstegning: figur 33">
            <a:extLst>
              <a:ext uri="{FF2B5EF4-FFF2-40B4-BE49-F238E27FC236}">
                <a16:creationId xmlns:a16="http://schemas.microsoft.com/office/drawing/2014/main" id="{E288D085-3325-26CA-2AFA-5BCC11B0C0B8}"/>
              </a:ext>
            </a:extLst>
          </p:cNvPr>
          <p:cNvSpPr/>
          <p:nvPr userDrawn="1"/>
        </p:nvSpPr>
        <p:spPr>
          <a:xfrm>
            <a:off x="0" y="3171189"/>
            <a:ext cx="2288370" cy="1400811"/>
          </a:xfrm>
          <a:custGeom>
            <a:avLst/>
            <a:gdLst>
              <a:gd name="connsiteX0" fmla="*/ 0 w 2288370"/>
              <a:gd name="connsiteY0" fmla="*/ 0 h 1400811"/>
              <a:gd name="connsiteX1" fmla="*/ 174289 w 2288370"/>
              <a:gd name="connsiteY1" fmla="*/ 0 h 1400811"/>
              <a:gd name="connsiteX2" fmla="*/ 575035 w 2288370"/>
              <a:gd name="connsiteY2" fmla="*/ 0 h 1400811"/>
              <a:gd name="connsiteX3" fmla="*/ 2114081 w 2288370"/>
              <a:gd name="connsiteY3" fmla="*/ 0 h 1400811"/>
              <a:gd name="connsiteX4" fmla="*/ 2288370 w 2288370"/>
              <a:gd name="connsiteY4" fmla="*/ 174289 h 1400811"/>
              <a:gd name="connsiteX5" fmla="*/ 2288370 w 2288370"/>
              <a:gd name="connsiteY5" fmla="*/ 816349 h 1400811"/>
              <a:gd name="connsiteX6" fmla="*/ 2288370 w 2288370"/>
              <a:gd name="connsiteY6" fmla="*/ 1226522 h 1400811"/>
              <a:gd name="connsiteX7" fmla="*/ 2288370 w 2288370"/>
              <a:gd name="connsiteY7" fmla="*/ 1400811 h 1400811"/>
              <a:gd name="connsiteX8" fmla="*/ 2114081 w 2288370"/>
              <a:gd name="connsiteY8" fmla="*/ 1400811 h 1400811"/>
              <a:gd name="connsiteX9" fmla="*/ 1713335 w 2288370"/>
              <a:gd name="connsiteY9" fmla="*/ 1400811 h 1400811"/>
              <a:gd name="connsiteX10" fmla="*/ 575035 w 2288370"/>
              <a:gd name="connsiteY10" fmla="*/ 1400811 h 1400811"/>
              <a:gd name="connsiteX11" fmla="*/ 174289 w 2288370"/>
              <a:gd name="connsiteY11" fmla="*/ 1400811 h 1400811"/>
              <a:gd name="connsiteX12" fmla="*/ 0 w 2288370"/>
              <a:gd name="connsiteY12" fmla="*/ 1400811 h 1400811"/>
              <a:gd name="connsiteX13" fmla="*/ 0 w 2288370"/>
              <a:gd name="connsiteY13" fmla="*/ 1226522 h 1400811"/>
              <a:gd name="connsiteX14" fmla="*/ 0 w 2288370"/>
              <a:gd name="connsiteY14" fmla="*/ 816349 h 1400811"/>
              <a:gd name="connsiteX15" fmla="*/ 0 w 2288370"/>
              <a:gd name="connsiteY15" fmla="*/ 584462 h 1400811"/>
              <a:gd name="connsiteX16" fmla="*/ 0 w 2288370"/>
              <a:gd name="connsiteY16" fmla="*/ 174289 h 14008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288370" h="1400811">
                <a:moveTo>
                  <a:pt x="0" y="0"/>
                </a:moveTo>
                <a:lnTo>
                  <a:pt x="174289" y="0"/>
                </a:lnTo>
                <a:lnTo>
                  <a:pt x="575035" y="0"/>
                </a:lnTo>
                <a:lnTo>
                  <a:pt x="2114081" y="0"/>
                </a:lnTo>
                <a:cubicBezTo>
                  <a:pt x="2210338" y="0"/>
                  <a:pt x="2288370" y="78032"/>
                  <a:pt x="2288370" y="174289"/>
                </a:cubicBezTo>
                <a:lnTo>
                  <a:pt x="2288370" y="816349"/>
                </a:lnTo>
                <a:lnTo>
                  <a:pt x="2288370" y="1226522"/>
                </a:lnTo>
                <a:lnTo>
                  <a:pt x="2288370" y="1400811"/>
                </a:lnTo>
                <a:lnTo>
                  <a:pt x="2114081" y="1400811"/>
                </a:lnTo>
                <a:lnTo>
                  <a:pt x="1713335" y="1400811"/>
                </a:lnTo>
                <a:lnTo>
                  <a:pt x="575035" y="1400811"/>
                </a:lnTo>
                <a:lnTo>
                  <a:pt x="174289" y="1400811"/>
                </a:lnTo>
                <a:lnTo>
                  <a:pt x="0" y="1400811"/>
                </a:lnTo>
                <a:lnTo>
                  <a:pt x="0" y="1226522"/>
                </a:lnTo>
                <a:lnTo>
                  <a:pt x="0" y="816349"/>
                </a:lnTo>
                <a:lnTo>
                  <a:pt x="0" y="584462"/>
                </a:lnTo>
                <a:lnTo>
                  <a:pt x="0" y="174289"/>
                </a:ln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2" name="Kombinationstegning: figur 21">
            <a:extLst>
              <a:ext uri="{FF2B5EF4-FFF2-40B4-BE49-F238E27FC236}">
                <a16:creationId xmlns:a16="http://schemas.microsoft.com/office/drawing/2014/main" id="{6E611502-B394-CFB5-0632-D4AE070A4C15}"/>
              </a:ext>
            </a:extLst>
          </p:cNvPr>
          <p:cNvSpPr/>
          <p:nvPr userDrawn="1"/>
        </p:nvSpPr>
        <p:spPr>
          <a:xfrm>
            <a:off x="9523026" y="255842"/>
            <a:ext cx="1781422" cy="2657040"/>
          </a:xfrm>
          <a:custGeom>
            <a:avLst/>
            <a:gdLst>
              <a:gd name="connsiteX0" fmla="*/ 161237 w 1781422"/>
              <a:gd name="connsiteY0" fmla="*/ 0 h 2657040"/>
              <a:gd name="connsiteX1" fmla="*/ 1620185 w 1781422"/>
              <a:gd name="connsiteY1" fmla="*/ 0 h 2657040"/>
              <a:gd name="connsiteX2" fmla="*/ 1781422 w 1781422"/>
              <a:gd name="connsiteY2" fmla="*/ 161237 h 2657040"/>
              <a:gd name="connsiteX3" fmla="*/ 1781422 w 1781422"/>
              <a:gd name="connsiteY3" fmla="*/ 2495803 h 2657040"/>
              <a:gd name="connsiteX4" fmla="*/ 1620185 w 1781422"/>
              <a:gd name="connsiteY4" fmla="*/ 2657040 h 2657040"/>
              <a:gd name="connsiteX5" fmla="*/ 575035 w 1781422"/>
              <a:gd name="connsiteY5" fmla="*/ 2657040 h 2657040"/>
              <a:gd name="connsiteX6" fmla="*/ 161237 w 1781422"/>
              <a:gd name="connsiteY6" fmla="*/ 2657040 h 2657040"/>
              <a:gd name="connsiteX7" fmla="*/ 0 w 1781422"/>
              <a:gd name="connsiteY7" fmla="*/ 2657040 h 2657040"/>
              <a:gd name="connsiteX8" fmla="*/ 0 w 1781422"/>
              <a:gd name="connsiteY8" fmla="*/ 2495803 h 2657040"/>
              <a:gd name="connsiteX9" fmla="*/ 0 w 1781422"/>
              <a:gd name="connsiteY9" fmla="*/ 2072578 h 2657040"/>
              <a:gd name="connsiteX10" fmla="*/ 0 w 1781422"/>
              <a:gd name="connsiteY10" fmla="*/ 161237 h 2657040"/>
              <a:gd name="connsiteX11" fmla="*/ 161237 w 1781422"/>
              <a:gd name="connsiteY11" fmla="*/ 0 h 2657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1422" h="2657040">
                <a:moveTo>
                  <a:pt x="161237" y="0"/>
                </a:moveTo>
                <a:lnTo>
                  <a:pt x="1620185" y="0"/>
                </a:lnTo>
                <a:cubicBezTo>
                  <a:pt x="1709234" y="0"/>
                  <a:pt x="1781422" y="72188"/>
                  <a:pt x="1781422" y="161237"/>
                </a:cubicBezTo>
                <a:lnTo>
                  <a:pt x="1781422" y="2495803"/>
                </a:lnTo>
                <a:cubicBezTo>
                  <a:pt x="1781422" y="2584852"/>
                  <a:pt x="1709234" y="2657040"/>
                  <a:pt x="1620185" y="2657040"/>
                </a:cubicBezTo>
                <a:lnTo>
                  <a:pt x="575035" y="2657040"/>
                </a:lnTo>
                <a:lnTo>
                  <a:pt x="161237" y="2657040"/>
                </a:lnTo>
                <a:lnTo>
                  <a:pt x="0" y="2657040"/>
                </a:lnTo>
                <a:lnTo>
                  <a:pt x="0" y="2495803"/>
                </a:lnTo>
                <a:lnTo>
                  <a:pt x="0" y="2072578"/>
                </a:lnTo>
                <a:lnTo>
                  <a:pt x="0" y="161237"/>
                </a:lnTo>
                <a:cubicBezTo>
                  <a:pt x="0" y="72188"/>
                  <a:pt x="72188" y="0"/>
                  <a:pt x="161237" y="0"/>
                </a:cubicBez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1" name="Kombinationstegning: figur 20">
            <a:extLst>
              <a:ext uri="{FF2B5EF4-FFF2-40B4-BE49-F238E27FC236}">
                <a16:creationId xmlns:a16="http://schemas.microsoft.com/office/drawing/2014/main" id="{D942A283-C7FF-AF14-9139-FB8DE864FB0E}"/>
              </a:ext>
            </a:extLst>
          </p:cNvPr>
          <p:cNvSpPr/>
          <p:nvPr userDrawn="1"/>
        </p:nvSpPr>
        <p:spPr>
          <a:xfrm>
            <a:off x="7608445" y="506947"/>
            <a:ext cx="1658103" cy="2416407"/>
          </a:xfrm>
          <a:custGeom>
            <a:avLst/>
            <a:gdLst>
              <a:gd name="connsiteX0" fmla="*/ 165114 w 1658103"/>
              <a:gd name="connsiteY0" fmla="*/ 0 h 2416407"/>
              <a:gd name="connsiteX1" fmla="*/ 1083068 w 1658103"/>
              <a:gd name="connsiteY1" fmla="*/ 0 h 2416407"/>
              <a:gd name="connsiteX2" fmla="*/ 1492989 w 1658103"/>
              <a:gd name="connsiteY2" fmla="*/ 0 h 2416407"/>
              <a:gd name="connsiteX3" fmla="*/ 1658103 w 1658103"/>
              <a:gd name="connsiteY3" fmla="*/ 0 h 2416407"/>
              <a:gd name="connsiteX4" fmla="*/ 1658103 w 1658103"/>
              <a:gd name="connsiteY4" fmla="*/ 165114 h 2416407"/>
              <a:gd name="connsiteX5" fmla="*/ 1658103 w 1658103"/>
              <a:gd name="connsiteY5" fmla="*/ 584462 h 2416407"/>
              <a:gd name="connsiteX6" fmla="*/ 1658103 w 1658103"/>
              <a:gd name="connsiteY6" fmla="*/ 2251293 h 2416407"/>
              <a:gd name="connsiteX7" fmla="*/ 1492989 w 1658103"/>
              <a:gd name="connsiteY7" fmla="*/ 2416407 h 2416407"/>
              <a:gd name="connsiteX8" fmla="*/ 165114 w 1658103"/>
              <a:gd name="connsiteY8" fmla="*/ 2416407 h 2416407"/>
              <a:gd name="connsiteX9" fmla="*/ 0 w 1658103"/>
              <a:gd name="connsiteY9" fmla="*/ 2251293 h 2416407"/>
              <a:gd name="connsiteX10" fmla="*/ 0 w 1658103"/>
              <a:gd name="connsiteY10" fmla="*/ 165114 h 2416407"/>
              <a:gd name="connsiteX11" fmla="*/ 165114 w 1658103"/>
              <a:gd name="connsiteY11" fmla="*/ 0 h 24164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58103" h="2416407">
                <a:moveTo>
                  <a:pt x="165114" y="0"/>
                </a:moveTo>
                <a:lnTo>
                  <a:pt x="1083068" y="0"/>
                </a:lnTo>
                <a:lnTo>
                  <a:pt x="1492989" y="0"/>
                </a:lnTo>
                <a:lnTo>
                  <a:pt x="1658103" y="0"/>
                </a:lnTo>
                <a:lnTo>
                  <a:pt x="1658103" y="165114"/>
                </a:lnTo>
                <a:lnTo>
                  <a:pt x="1658103" y="584462"/>
                </a:lnTo>
                <a:lnTo>
                  <a:pt x="1658103" y="2251293"/>
                </a:lnTo>
                <a:cubicBezTo>
                  <a:pt x="1658103" y="2342483"/>
                  <a:pt x="1584179" y="2416407"/>
                  <a:pt x="1492989" y="2416407"/>
                </a:cubicBezTo>
                <a:lnTo>
                  <a:pt x="165114" y="2416407"/>
                </a:lnTo>
                <a:cubicBezTo>
                  <a:pt x="73924" y="2416407"/>
                  <a:pt x="0" y="2342483"/>
                  <a:pt x="0" y="2251293"/>
                </a:cubicBezTo>
                <a:lnTo>
                  <a:pt x="0" y="165114"/>
                </a:lnTo>
                <a:cubicBezTo>
                  <a:pt x="0" y="73924"/>
                  <a:pt x="73924" y="0"/>
                  <a:pt x="165114" y="0"/>
                </a:cubicBez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5" name="Freeform: Shape 4">
            <a:extLst>
              <a:ext uri="{FF2B5EF4-FFF2-40B4-BE49-F238E27FC236}">
                <a16:creationId xmlns:a16="http://schemas.microsoft.com/office/drawing/2014/main" id="{EF1BC340-DDA0-9682-C839-750C1667C6D0}"/>
              </a:ext>
            </a:extLst>
          </p:cNvPr>
          <p:cNvSpPr/>
          <p:nvPr userDrawn="1"/>
        </p:nvSpPr>
        <p:spPr>
          <a:xfrm>
            <a:off x="3283720" y="4446237"/>
            <a:ext cx="1260000" cy="2411763"/>
          </a:xfrm>
          <a:custGeom>
            <a:avLst/>
            <a:gdLst>
              <a:gd name="connsiteX0" fmla="*/ 0 w 1260000"/>
              <a:gd name="connsiteY0" fmla="*/ 0 h 2411763"/>
              <a:gd name="connsiteX1" fmla="*/ 1090078 w 1260000"/>
              <a:gd name="connsiteY1" fmla="*/ 0 h 2411763"/>
              <a:gd name="connsiteX2" fmla="*/ 1260000 w 1260000"/>
              <a:gd name="connsiteY2" fmla="*/ 169922 h 2411763"/>
              <a:gd name="connsiteX3" fmla="*/ 1260000 w 1260000"/>
              <a:gd name="connsiteY3" fmla="*/ 1827301 h 2411763"/>
              <a:gd name="connsiteX4" fmla="*/ 1260000 w 1260000"/>
              <a:gd name="connsiteY4" fmla="*/ 2241841 h 2411763"/>
              <a:gd name="connsiteX5" fmla="*/ 1260000 w 1260000"/>
              <a:gd name="connsiteY5" fmla="*/ 2411763 h 2411763"/>
              <a:gd name="connsiteX6" fmla="*/ 1090078 w 1260000"/>
              <a:gd name="connsiteY6" fmla="*/ 2411763 h 2411763"/>
              <a:gd name="connsiteX7" fmla="*/ 684965 w 1260000"/>
              <a:gd name="connsiteY7" fmla="*/ 2411763 h 2411763"/>
              <a:gd name="connsiteX8" fmla="*/ 0 w 1260000"/>
              <a:gd name="connsiteY8" fmla="*/ 2411763 h 2411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60000" h="2411763">
                <a:moveTo>
                  <a:pt x="0" y="0"/>
                </a:moveTo>
                <a:lnTo>
                  <a:pt x="1090078" y="0"/>
                </a:lnTo>
                <a:cubicBezTo>
                  <a:pt x="1183923" y="0"/>
                  <a:pt x="1260000" y="76077"/>
                  <a:pt x="1260000" y="169922"/>
                </a:cubicBezTo>
                <a:lnTo>
                  <a:pt x="1260000" y="1827301"/>
                </a:lnTo>
                <a:lnTo>
                  <a:pt x="1260000" y="2241841"/>
                </a:lnTo>
                <a:lnTo>
                  <a:pt x="1260000" y="2411763"/>
                </a:lnTo>
                <a:lnTo>
                  <a:pt x="1090078" y="2411763"/>
                </a:lnTo>
                <a:lnTo>
                  <a:pt x="684965" y="2411763"/>
                </a:lnTo>
                <a:lnTo>
                  <a:pt x="0" y="2411763"/>
                </a:lnTo>
                <a:close/>
              </a:path>
            </a:pathLst>
          </a:custGeom>
          <a:solidFill>
            <a:srgbClr val="38025C"/>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pic>
        <p:nvPicPr>
          <p:cNvPr id="4" name="Dynamic cover logo lilla" descr="{&quot;templafy&quot;:{&quot;id&quot;:&quot;919b5873-cdfe-41b7-a722-bd8f6cae985d&quot;}}">
            <a:extLst>
              <a:ext uri="{FF2B5EF4-FFF2-40B4-BE49-F238E27FC236}">
                <a16:creationId xmlns:a16="http://schemas.microsoft.com/office/drawing/2014/main" id="{7E6F22C3-7933-6452-7FD8-C85A6D4A9E8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2919166682"/>
      </p:ext>
    </p:extLst>
  </p:cSld>
  <p:clrMapOvr>
    <a:overrideClrMapping bg1="lt1" tx1="dk1" bg2="lt2" tx2="dk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el og et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indsætte overskrift – max. to linjer</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1" name="Text Placeholder note">
            <a:extLst>
              <a:ext uri="{FF2B5EF4-FFF2-40B4-BE49-F238E27FC236}">
                <a16:creationId xmlns:a16="http://schemas.microsoft.com/office/drawing/2014/main" id="{245C8F84-4C5D-3EE3-1FB6-087410EF73FB}"/>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D1B7864D-F85A-51C0-61FA-FDBB825E90AC}"/>
              </a:ext>
            </a:extLst>
          </p:cNvPr>
          <p:cNvSpPr>
            <a:spLocks noGrp="1"/>
          </p:cNvSpPr>
          <p:nvPr>
            <p:ph type="dt" sz="half" idx="18"/>
          </p:nvPr>
        </p:nvSpPr>
        <p:spPr/>
        <p:txBody>
          <a:bodyPr/>
          <a:lstStyle/>
          <a:p>
            <a:fld id="{FAAC466B-B9BC-4540-B925-BB3606CC309B}"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D0A26A80-EB88-4FD8-19D9-C4B3C43469AD}"/>
              </a:ext>
            </a:extLst>
          </p:cNvPr>
          <p:cNvSpPr>
            <a:spLocks noGrp="1"/>
          </p:cNvSpPr>
          <p:nvPr>
            <p:ph type="ftr" sz="quarter" idx="19"/>
          </p:nvPr>
        </p:nvSpPr>
        <p:spPr/>
        <p:txBody>
          <a:bodyPr/>
          <a:lstStyle/>
          <a:p>
            <a:endParaRPr lang="da-DK" dirty="0"/>
          </a:p>
        </p:txBody>
      </p:sp>
      <p:sp>
        <p:nvSpPr>
          <p:cNvPr id="6" name="Pladsholder til slidenummer 5" hidden="1">
            <a:extLst>
              <a:ext uri="{FF2B5EF4-FFF2-40B4-BE49-F238E27FC236}">
                <a16:creationId xmlns:a16="http://schemas.microsoft.com/office/drawing/2014/main" id="{CFD105D1-049D-35DE-D62A-A74AE7535F7C}"/>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853065248"/>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el, undertitel og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2800"/>
          </a:xfrm>
        </p:spPr>
        <p:txBody>
          <a:bodyPr/>
          <a:lstStyle>
            <a:lvl1pPr>
              <a:defRPr/>
            </a:lvl1pPr>
          </a:lstStyle>
          <a:p>
            <a:r>
              <a:rPr lang="da-DK" dirty="0"/>
              <a:t>Klik for at indsætte overskrift – max. en linje</a:t>
            </a:r>
          </a:p>
        </p:txBody>
      </p:sp>
      <p:sp>
        <p:nvSpPr>
          <p:cNvPr id="4" name="Subtitle 2">
            <a:extLst>
              <a:ext uri="{FF2B5EF4-FFF2-40B4-BE49-F238E27FC236}">
                <a16:creationId xmlns:a16="http://schemas.microsoft.com/office/drawing/2014/main" id="{8A008F28-7F58-53FE-932A-36E2076F43A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7" name="Text Placeholder note">
            <a:extLst>
              <a:ext uri="{FF2B5EF4-FFF2-40B4-BE49-F238E27FC236}">
                <a16:creationId xmlns:a16="http://schemas.microsoft.com/office/drawing/2014/main" id="{2E1CFC2B-19C0-985A-211A-6FE7BAB8460B}"/>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5" name="Pladsholder til dato 4" hidden="1">
            <a:extLst>
              <a:ext uri="{FF2B5EF4-FFF2-40B4-BE49-F238E27FC236}">
                <a16:creationId xmlns:a16="http://schemas.microsoft.com/office/drawing/2014/main" id="{D1F47E36-8FD2-023F-A3F0-6A8488CB4A07}"/>
              </a:ext>
            </a:extLst>
          </p:cNvPr>
          <p:cNvSpPr>
            <a:spLocks noGrp="1"/>
          </p:cNvSpPr>
          <p:nvPr>
            <p:ph type="dt" sz="half" idx="18"/>
          </p:nvPr>
        </p:nvSpPr>
        <p:spPr/>
        <p:txBody>
          <a:bodyPr/>
          <a:lstStyle/>
          <a:p>
            <a:fld id="{F2836A15-CD3D-4B71-9EF5-AEC44590494E}" type="datetime2">
              <a:rPr lang="da-DK" smtClean="0"/>
              <a:t>11. september 2024</a:t>
            </a:fld>
            <a:endParaRPr lang="da-DK" dirty="0"/>
          </a:p>
        </p:txBody>
      </p:sp>
      <p:sp>
        <p:nvSpPr>
          <p:cNvPr id="6" name="Pladsholder til sidefod 5" hidden="1">
            <a:extLst>
              <a:ext uri="{FF2B5EF4-FFF2-40B4-BE49-F238E27FC236}">
                <a16:creationId xmlns:a16="http://schemas.microsoft.com/office/drawing/2014/main" id="{EA570AF3-65DF-4E10-FBF4-D47551A4BDE5}"/>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8A044976-2ECF-2ADB-C87A-6C44A639C566}"/>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50133985"/>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el, undertitel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2800"/>
          </a:xfrm>
        </p:spPr>
        <p:txBody>
          <a:bodyPr/>
          <a:lstStyle>
            <a:lvl1pPr>
              <a:defRPr/>
            </a:lvl1pPr>
          </a:lstStyle>
          <a:p>
            <a:r>
              <a:rPr lang="da-DK" dirty="0"/>
              <a:t>Klik for at indsætte overskrift – max. en linje</a:t>
            </a:r>
          </a:p>
        </p:txBody>
      </p:sp>
      <p:sp>
        <p:nvSpPr>
          <p:cNvPr id="4" name="Subtitle 2">
            <a:extLst>
              <a:ext uri="{FF2B5EF4-FFF2-40B4-BE49-F238E27FC236}">
                <a16:creationId xmlns:a16="http://schemas.microsoft.com/office/drawing/2014/main" id="{8A008F28-7F58-53FE-932A-36E2076F43A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5" name="Text Placeholder note">
            <a:extLst>
              <a:ext uri="{FF2B5EF4-FFF2-40B4-BE49-F238E27FC236}">
                <a16:creationId xmlns:a16="http://schemas.microsoft.com/office/drawing/2014/main" id="{8792DB1C-0983-A1CA-84AA-58A7B0B1F5F1}"/>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6" name="Pladsholder til dato 5" hidden="1">
            <a:extLst>
              <a:ext uri="{FF2B5EF4-FFF2-40B4-BE49-F238E27FC236}">
                <a16:creationId xmlns:a16="http://schemas.microsoft.com/office/drawing/2014/main" id="{43A7B38C-AC60-A319-AB2C-55BE66DF4665}"/>
              </a:ext>
            </a:extLst>
          </p:cNvPr>
          <p:cNvSpPr>
            <a:spLocks noGrp="1"/>
          </p:cNvSpPr>
          <p:nvPr>
            <p:ph type="dt" sz="half" idx="18"/>
          </p:nvPr>
        </p:nvSpPr>
        <p:spPr/>
        <p:txBody>
          <a:bodyPr/>
          <a:lstStyle/>
          <a:p>
            <a:fld id="{56552087-3F32-47F5-8089-EB804B31A433}" type="datetime2">
              <a:rPr lang="da-DK" smtClean="0"/>
              <a:t>11. september 2024</a:t>
            </a:fld>
            <a:endParaRPr lang="da-DK" dirty="0"/>
          </a:p>
        </p:txBody>
      </p:sp>
      <p:sp>
        <p:nvSpPr>
          <p:cNvPr id="7" name="Pladsholder til sidefod 6" hidden="1">
            <a:extLst>
              <a:ext uri="{FF2B5EF4-FFF2-40B4-BE49-F238E27FC236}">
                <a16:creationId xmlns:a16="http://schemas.microsoft.com/office/drawing/2014/main" id="{5EB372C1-983D-2636-18BC-447D6080C951}"/>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40156EBA-D90E-0D39-97C2-DC28AF352730}"/>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891174177"/>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el, undertitel og indhold i boks">
    <p:bg>
      <p:bgPr>
        <a:solidFill>
          <a:schemeClr val="bg2"/>
        </a:solidFill>
        <a:effectLst/>
      </p:bgPr>
    </p:bg>
    <p:spTree>
      <p:nvGrpSpPr>
        <p:cNvPr id="1" name=""/>
        <p:cNvGrpSpPr/>
        <p:nvPr/>
      </p:nvGrpSpPr>
      <p:grpSpPr>
        <a:xfrm>
          <a:off x="0" y="0"/>
          <a:ext cx="0" cy="0"/>
          <a:chOff x="0" y="0"/>
          <a:chExt cx="0" cy="0"/>
        </a:xfrm>
      </p:grpSpPr>
      <p:sp>
        <p:nvSpPr>
          <p:cNvPr id="8" name="Kombinationstegning: figur 7">
            <a:extLst>
              <a:ext uri="{FF2B5EF4-FFF2-40B4-BE49-F238E27FC236}">
                <a16:creationId xmlns:a16="http://schemas.microsoft.com/office/drawing/2014/main" id="{FCA7672F-42E3-2578-E46F-914C432316A7}"/>
              </a:ext>
            </a:extLst>
          </p:cNvPr>
          <p:cNvSpPr/>
          <p:nvPr userDrawn="1"/>
        </p:nvSpPr>
        <p:spPr bwMode="auto">
          <a:xfrm flipV="1">
            <a:off x="388800" y="1685926"/>
            <a:ext cx="11415600" cy="4264024"/>
          </a:xfrm>
          <a:custGeom>
            <a:avLst/>
            <a:gdLst>
              <a:gd name="connsiteX0" fmla="*/ 532065 w 11415600"/>
              <a:gd name="connsiteY0" fmla="*/ 4264024 h 4264024"/>
              <a:gd name="connsiteX1" fmla="*/ 10883535 w 11415600"/>
              <a:gd name="connsiteY1" fmla="*/ 4264024 h 4264024"/>
              <a:gd name="connsiteX2" fmla="*/ 11415600 w 11415600"/>
              <a:gd name="connsiteY2" fmla="*/ 3731959 h 4264024"/>
              <a:gd name="connsiteX3" fmla="*/ 11415600 w 11415600"/>
              <a:gd name="connsiteY3" fmla="*/ 532065 h 4264024"/>
              <a:gd name="connsiteX4" fmla="*/ 10883535 w 11415600"/>
              <a:gd name="connsiteY4" fmla="*/ 0 h 4264024"/>
              <a:gd name="connsiteX5" fmla="*/ 2958353 w 11415600"/>
              <a:gd name="connsiteY5" fmla="*/ 0 h 4264024"/>
              <a:gd name="connsiteX6" fmla="*/ 532065 w 11415600"/>
              <a:gd name="connsiteY6" fmla="*/ 0 h 4264024"/>
              <a:gd name="connsiteX7" fmla="*/ 0 w 11415600"/>
              <a:gd name="connsiteY7" fmla="*/ 0 h 4264024"/>
              <a:gd name="connsiteX8" fmla="*/ 0 w 11415600"/>
              <a:gd name="connsiteY8" fmla="*/ 532065 h 4264024"/>
              <a:gd name="connsiteX9" fmla="*/ 0 w 11415600"/>
              <a:gd name="connsiteY9" fmla="*/ 1936376 h 4264024"/>
              <a:gd name="connsiteX10" fmla="*/ 0 w 11415600"/>
              <a:gd name="connsiteY10" fmla="*/ 3731959 h 4264024"/>
              <a:gd name="connsiteX11" fmla="*/ 532065 w 11415600"/>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415600" h="4264024">
                <a:moveTo>
                  <a:pt x="532065" y="4264024"/>
                </a:moveTo>
                <a:lnTo>
                  <a:pt x="10883535" y="4264024"/>
                </a:lnTo>
                <a:cubicBezTo>
                  <a:pt x="11177386" y="4264024"/>
                  <a:pt x="11415600" y="4025810"/>
                  <a:pt x="11415600" y="3731959"/>
                </a:cubicBezTo>
                <a:lnTo>
                  <a:pt x="11415600" y="532065"/>
                </a:lnTo>
                <a:cubicBezTo>
                  <a:pt x="11415600" y="238214"/>
                  <a:pt x="11177386" y="0"/>
                  <a:pt x="10883535" y="0"/>
                </a:cubicBezTo>
                <a:lnTo>
                  <a:pt x="2958353" y="0"/>
                </a:lnTo>
                <a:lnTo>
                  <a:pt x="532065" y="0"/>
                </a:lnTo>
                <a:lnTo>
                  <a:pt x="0" y="0"/>
                </a:lnTo>
                <a:lnTo>
                  <a:pt x="0" y="532065"/>
                </a:lnTo>
                <a:lnTo>
                  <a:pt x="0" y="1936376"/>
                </a:lnTo>
                <a:lnTo>
                  <a:pt x="0" y="3731959"/>
                </a:lnTo>
                <a:cubicBezTo>
                  <a:pt x="0" y="4025810"/>
                  <a:pt x="238214" y="4264024"/>
                  <a:pt x="532065"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7999"/>
            <a:ext cx="10897200" cy="532800"/>
          </a:xfrm>
        </p:spPr>
        <p:txBody>
          <a:bodyPr/>
          <a:lstStyle>
            <a:lvl1pPr>
              <a:defRPr/>
            </a:lvl1pPr>
          </a:lstStyle>
          <a:p>
            <a:r>
              <a:rPr lang="da-DK" dirty="0"/>
              <a:t>Klik for at indsætte overskrift – max. en linje</a:t>
            </a:r>
          </a:p>
        </p:txBody>
      </p:sp>
      <p:sp>
        <p:nvSpPr>
          <p:cNvPr id="16" name="Subtitle 2">
            <a:extLst>
              <a:ext uri="{FF2B5EF4-FFF2-40B4-BE49-F238E27FC236}">
                <a16:creationId xmlns:a16="http://schemas.microsoft.com/office/drawing/2014/main" id="{1B5E41F0-74B6-2393-700A-01C30B8B255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647999" y="1944000"/>
            <a:ext cx="10894713"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49"/>
            <a:ext cx="5320612" cy="291600"/>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11" name="Pladsholder til dato 10" hidden="1">
            <a:extLst>
              <a:ext uri="{FF2B5EF4-FFF2-40B4-BE49-F238E27FC236}">
                <a16:creationId xmlns:a16="http://schemas.microsoft.com/office/drawing/2014/main" id="{04785889-1C42-8018-88B4-382E17914982}"/>
              </a:ext>
            </a:extLst>
          </p:cNvPr>
          <p:cNvSpPr>
            <a:spLocks noGrp="1"/>
          </p:cNvSpPr>
          <p:nvPr>
            <p:ph type="dt" sz="half" idx="18"/>
          </p:nvPr>
        </p:nvSpPr>
        <p:spPr/>
        <p:txBody>
          <a:bodyPr/>
          <a:lstStyle/>
          <a:p>
            <a:fld id="{90600F65-4630-4DB7-A1B9-C084C7A42560}" type="datetime2">
              <a:rPr lang="da-DK" smtClean="0"/>
              <a:t>11. september 2024</a:t>
            </a:fld>
            <a:endParaRPr lang="da-DK" dirty="0"/>
          </a:p>
        </p:txBody>
      </p:sp>
      <p:sp>
        <p:nvSpPr>
          <p:cNvPr id="12" name="Pladsholder til sidefod 11" hidden="1">
            <a:extLst>
              <a:ext uri="{FF2B5EF4-FFF2-40B4-BE49-F238E27FC236}">
                <a16:creationId xmlns:a16="http://schemas.microsoft.com/office/drawing/2014/main" id="{E6C4E954-D637-A7F3-45FB-CDA533E1934C}"/>
              </a:ext>
            </a:extLst>
          </p:cNvPr>
          <p:cNvSpPr>
            <a:spLocks noGrp="1"/>
          </p:cNvSpPr>
          <p:nvPr>
            <p:ph type="ftr" sz="quarter" idx="19"/>
          </p:nvPr>
        </p:nvSpPr>
        <p:spPr/>
        <p:txBody>
          <a:bodyPr/>
          <a:lstStyle/>
          <a:p>
            <a:endParaRPr lang="da-DK" dirty="0"/>
          </a:p>
        </p:txBody>
      </p:sp>
      <p:sp>
        <p:nvSpPr>
          <p:cNvPr id="13" name="Pladsholder til slidenummer 12" hidden="1">
            <a:extLst>
              <a:ext uri="{FF2B5EF4-FFF2-40B4-BE49-F238E27FC236}">
                <a16:creationId xmlns:a16="http://schemas.microsoft.com/office/drawing/2014/main" id="{CC26FD0B-9B11-6D68-E9C1-DC541A0BB51D}"/>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523853587"/>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og to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317200" cy="399155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27075" y="1944000"/>
            <a:ext cx="5317200" cy="39924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endParaRPr lang="da-DK" noProof="0"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50"/>
            <a:ext cx="5320612"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FEE035DC-5E52-49D5-01CA-72F773A5C764}"/>
              </a:ext>
            </a:extLst>
          </p:cNvPr>
          <p:cNvSpPr>
            <a:spLocks noGrp="1"/>
          </p:cNvSpPr>
          <p:nvPr>
            <p:ph type="dt" sz="half" idx="18"/>
          </p:nvPr>
        </p:nvSpPr>
        <p:spPr/>
        <p:txBody>
          <a:bodyPr/>
          <a:lstStyle/>
          <a:p>
            <a:fld id="{E4603E96-4A59-4D64-B873-DB1F86E9F89F}" type="datetime2">
              <a:rPr lang="da-DK" smtClean="0"/>
              <a:t>11. september 2024</a:t>
            </a:fld>
            <a:endParaRPr lang="da-DK" dirty="0"/>
          </a:p>
        </p:txBody>
      </p:sp>
      <p:sp>
        <p:nvSpPr>
          <p:cNvPr id="10" name="Pladsholder til sidefod 9" hidden="1">
            <a:extLst>
              <a:ext uri="{FF2B5EF4-FFF2-40B4-BE49-F238E27FC236}">
                <a16:creationId xmlns:a16="http://schemas.microsoft.com/office/drawing/2014/main" id="{8AEB8CCF-D4B5-0517-FDCE-D272C6EC754B}"/>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5DA6C8E0-9B05-AC27-CA18-AA8D28CD4703}"/>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747621605"/>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el og to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317200" cy="399155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27075" y="1944000"/>
            <a:ext cx="5317200" cy="39924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C96D60FE-CC0D-010F-930B-89889DF1D45C}"/>
              </a:ext>
            </a:extLst>
          </p:cNvPr>
          <p:cNvSpPr>
            <a:spLocks noGrp="1"/>
          </p:cNvSpPr>
          <p:nvPr>
            <p:ph type="body" sz="quarter" idx="17" hasCustomPrompt="1"/>
          </p:nvPr>
        </p:nvSpPr>
        <p:spPr>
          <a:xfrm>
            <a:off x="6224588" y="5949950"/>
            <a:ext cx="5320612"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8E9C1547-4563-166E-5B09-EC0B38B49165}"/>
              </a:ext>
            </a:extLst>
          </p:cNvPr>
          <p:cNvSpPr>
            <a:spLocks noGrp="1"/>
          </p:cNvSpPr>
          <p:nvPr>
            <p:ph type="dt" sz="half" idx="18"/>
          </p:nvPr>
        </p:nvSpPr>
        <p:spPr/>
        <p:txBody>
          <a:bodyPr/>
          <a:lstStyle/>
          <a:p>
            <a:fld id="{39A1AC5C-6B35-489B-A91E-EF042B89B749}" type="datetime2">
              <a:rPr lang="da-DK" smtClean="0"/>
              <a:t>11. september 2024</a:t>
            </a:fld>
            <a:endParaRPr lang="da-DK" dirty="0"/>
          </a:p>
        </p:txBody>
      </p:sp>
      <p:sp>
        <p:nvSpPr>
          <p:cNvPr id="10" name="Pladsholder til sidefod 9" hidden="1">
            <a:extLst>
              <a:ext uri="{FF2B5EF4-FFF2-40B4-BE49-F238E27FC236}">
                <a16:creationId xmlns:a16="http://schemas.microsoft.com/office/drawing/2014/main" id="{8AC89008-D6EE-EFE5-FA31-1DCEEA702014}"/>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D991810C-2445-78C1-75AE-248DA7B18ACD}"/>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370926861"/>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el og indhold i bokse">
    <p:bg>
      <p:bgPr>
        <a:solidFill>
          <a:schemeClr val="bg2"/>
        </a:solidFill>
        <a:effectLst/>
      </p:bgPr>
    </p:bg>
    <p:spTree>
      <p:nvGrpSpPr>
        <p:cNvPr id="1" name=""/>
        <p:cNvGrpSpPr/>
        <p:nvPr/>
      </p:nvGrpSpPr>
      <p:grpSpPr>
        <a:xfrm>
          <a:off x="0" y="0"/>
          <a:ext cx="0" cy="0"/>
          <a:chOff x="0" y="0"/>
          <a:chExt cx="0" cy="0"/>
        </a:xfrm>
      </p:grpSpPr>
      <p:sp>
        <p:nvSpPr>
          <p:cNvPr id="17" name="Kombinationstegning: figur 16">
            <a:extLst>
              <a:ext uri="{FF2B5EF4-FFF2-40B4-BE49-F238E27FC236}">
                <a16:creationId xmlns:a16="http://schemas.microsoft.com/office/drawing/2014/main" id="{A9044547-A8D9-180D-A965-E52CFBC0DB82}"/>
              </a:ext>
            </a:extLst>
          </p:cNvPr>
          <p:cNvSpPr/>
          <p:nvPr userDrawn="1"/>
        </p:nvSpPr>
        <p:spPr bwMode="auto">
          <a:xfrm flipV="1">
            <a:off x="6226176" y="1685926"/>
            <a:ext cx="5316538" cy="4264024"/>
          </a:xfrm>
          <a:custGeom>
            <a:avLst/>
            <a:gdLst>
              <a:gd name="connsiteX0" fmla="*/ 529848 w 5316538"/>
              <a:gd name="connsiteY0" fmla="*/ 4264024 h 4264024"/>
              <a:gd name="connsiteX1" fmla="*/ 4786690 w 5316538"/>
              <a:gd name="connsiteY1" fmla="*/ 4264024 h 4264024"/>
              <a:gd name="connsiteX2" fmla="*/ 5316538 w 5316538"/>
              <a:gd name="connsiteY2" fmla="*/ 3734176 h 4264024"/>
              <a:gd name="connsiteX3" fmla="*/ 5316538 w 5316538"/>
              <a:gd name="connsiteY3" fmla="*/ 529848 h 4264024"/>
              <a:gd name="connsiteX4" fmla="*/ 4786690 w 5316538"/>
              <a:gd name="connsiteY4" fmla="*/ 0 h 4264024"/>
              <a:gd name="connsiteX5" fmla="*/ 1571625 w 5316538"/>
              <a:gd name="connsiteY5" fmla="*/ 0 h 4264024"/>
              <a:gd name="connsiteX6" fmla="*/ 529848 w 5316538"/>
              <a:gd name="connsiteY6" fmla="*/ 0 h 4264024"/>
              <a:gd name="connsiteX7" fmla="*/ 0 w 5316538"/>
              <a:gd name="connsiteY7" fmla="*/ 0 h 4264024"/>
              <a:gd name="connsiteX8" fmla="*/ 0 w 5316538"/>
              <a:gd name="connsiteY8" fmla="*/ 529848 h 4264024"/>
              <a:gd name="connsiteX9" fmla="*/ 0 w 5316538"/>
              <a:gd name="connsiteY9" fmla="*/ 1143000 h 4264024"/>
              <a:gd name="connsiteX10" fmla="*/ 0 w 5316538"/>
              <a:gd name="connsiteY10" fmla="*/ 3734176 h 4264024"/>
              <a:gd name="connsiteX11" fmla="*/ 529848 w 5316538"/>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316538" h="4264024">
                <a:moveTo>
                  <a:pt x="529848" y="4264024"/>
                </a:moveTo>
                <a:lnTo>
                  <a:pt x="4786690" y="4264024"/>
                </a:lnTo>
                <a:cubicBezTo>
                  <a:pt x="5079317" y="4264024"/>
                  <a:pt x="5316538" y="4026803"/>
                  <a:pt x="5316538" y="3734176"/>
                </a:cubicBezTo>
                <a:lnTo>
                  <a:pt x="5316538" y="529848"/>
                </a:lnTo>
                <a:cubicBezTo>
                  <a:pt x="5316538" y="237221"/>
                  <a:pt x="5079317" y="0"/>
                  <a:pt x="4786690" y="0"/>
                </a:cubicBezTo>
                <a:lnTo>
                  <a:pt x="1571625" y="0"/>
                </a:lnTo>
                <a:lnTo>
                  <a:pt x="529848" y="0"/>
                </a:lnTo>
                <a:lnTo>
                  <a:pt x="0" y="0"/>
                </a:lnTo>
                <a:lnTo>
                  <a:pt x="0" y="529848"/>
                </a:lnTo>
                <a:lnTo>
                  <a:pt x="0" y="1143000"/>
                </a:lnTo>
                <a:lnTo>
                  <a:pt x="0" y="3734176"/>
                </a:lnTo>
                <a:cubicBezTo>
                  <a:pt x="0" y="4026803"/>
                  <a:pt x="237221" y="4264024"/>
                  <a:pt x="529848"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0" name="Kombinationstegning: figur 19">
            <a:extLst>
              <a:ext uri="{FF2B5EF4-FFF2-40B4-BE49-F238E27FC236}">
                <a16:creationId xmlns:a16="http://schemas.microsoft.com/office/drawing/2014/main" id="{D5E9D3E4-E47D-0971-DD47-F2DC5A405712}"/>
              </a:ext>
            </a:extLst>
          </p:cNvPr>
          <p:cNvSpPr/>
          <p:nvPr userDrawn="1"/>
        </p:nvSpPr>
        <p:spPr bwMode="auto">
          <a:xfrm flipV="1">
            <a:off x="0" y="1685925"/>
            <a:ext cx="5965825" cy="4264024"/>
          </a:xfrm>
          <a:custGeom>
            <a:avLst/>
            <a:gdLst>
              <a:gd name="connsiteX0" fmla="*/ 0 w 5965825"/>
              <a:gd name="connsiteY0" fmla="*/ 4264024 h 4264024"/>
              <a:gd name="connsiteX1" fmla="*/ 537139 w 5965825"/>
              <a:gd name="connsiteY1" fmla="*/ 4264024 h 4264024"/>
              <a:gd name="connsiteX2" fmla="*/ 1571625 w 5965825"/>
              <a:gd name="connsiteY2" fmla="*/ 4264024 h 4264024"/>
              <a:gd name="connsiteX3" fmla="*/ 5428686 w 5965825"/>
              <a:gd name="connsiteY3" fmla="*/ 4264024 h 4264024"/>
              <a:gd name="connsiteX4" fmla="*/ 5965825 w 5965825"/>
              <a:gd name="connsiteY4" fmla="*/ 3726885 h 4264024"/>
              <a:gd name="connsiteX5" fmla="*/ 5965825 w 5965825"/>
              <a:gd name="connsiteY5" fmla="*/ 537139 h 4264024"/>
              <a:gd name="connsiteX6" fmla="*/ 5428686 w 5965825"/>
              <a:gd name="connsiteY6" fmla="*/ 0 h 4264024"/>
              <a:gd name="connsiteX7" fmla="*/ 1571625 w 5965825"/>
              <a:gd name="connsiteY7" fmla="*/ 0 h 4264024"/>
              <a:gd name="connsiteX8" fmla="*/ 537139 w 5965825"/>
              <a:gd name="connsiteY8" fmla="*/ 0 h 4264024"/>
              <a:gd name="connsiteX9" fmla="*/ 0 w 5965825"/>
              <a:gd name="connsiteY9" fmla="*/ 0 h 4264024"/>
              <a:gd name="connsiteX10" fmla="*/ 0 w 5965825"/>
              <a:gd name="connsiteY10" fmla="*/ 537139 h 4264024"/>
              <a:gd name="connsiteX11" fmla="*/ 0 w 5965825"/>
              <a:gd name="connsiteY11" fmla="*/ 1143000 h 4264024"/>
              <a:gd name="connsiteX12" fmla="*/ 0 w 5965825"/>
              <a:gd name="connsiteY12" fmla="*/ 3121024 h 4264024"/>
              <a:gd name="connsiteX13" fmla="*/ 0 w 5965825"/>
              <a:gd name="connsiteY13" fmla="*/ 3726885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65825" h="4264024">
                <a:moveTo>
                  <a:pt x="0" y="4264024"/>
                </a:moveTo>
                <a:lnTo>
                  <a:pt x="537139" y="4264024"/>
                </a:lnTo>
                <a:lnTo>
                  <a:pt x="1571625" y="4264024"/>
                </a:lnTo>
                <a:lnTo>
                  <a:pt x="5428686" y="4264024"/>
                </a:lnTo>
                <a:cubicBezTo>
                  <a:pt x="5725340" y="4264024"/>
                  <a:pt x="5965825" y="4023539"/>
                  <a:pt x="5965825" y="3726885"/>
                </a:cubicBezTo>
                <a:lnTo>
                  <a:pt x="5965825" y="537139"/>
                </a:lnTo>
                <a:cubicBezTo>
                  <a:pt x="5965825" y="240485"/>
                  <a:pt x="5725340" y="0"/>
                  <a:pt x="5428686" y="0"/>
                </a:cubicBezTo>
                <a:lnTo>
                  <a:pt x="1571625" y="0"/>
                </a:lnTo>
                <a:lnTo>
                  <a:pt x="537139" y="0"/>
                </a:lnTo>
                <a:lnTo>
                  <a:pt x="0" y="0"/>
                </a:lnTo>
                <a:lnTo>
                  <a:pt x="0" y="537139"/>
                </a:lnTo>
                <a:lnTo>
                  <a:pt x="0" y="1143000"/>
                </a:lnTo>
                <a:lnTo>
                  <a:pt x="0" y="3121024"/>
                </a:lnTo>
                <a:lnTo>
                  <a:pt x="0" y="3726885"/>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5100"/>
          </a:xfrm>
        </p:spPr>
        <p:txBody>
          <a:bodyPr/>
          <a:lstStyle>
            <a:lvl1pPr>
              <a:defRPr/>
            </a:lvl1p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059720"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486526" y="1944000"/>
            <a:ext cx="4796518"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49"/>
            <a:ext cx="5320612" cy="291600"/>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2EA650DF-7CD7-C817-0573-0C30E75AD0F4}"/>
              </a:ext>
            </a:extLst>
          </p:cNvPr>
          <p:cNvSpPr>
            <a:spLocks noGrp="1"/>
          </p:cNvSpPr>
          <p:nvPr>
            <p:ph type="dt" sz="half" idx="18"/>
          </p:nvPr>
        </p:nvSpPr>
        <p:spPr/>
        <p:txBody>
          <a:bodyPr/>
          <a:lstStyle/>
          <a:p>
            <a:fld id="{1176805D-954B-49CB-96C9-66920B5A91A3}" type="datetime2">
              <a:rPr lang="da-DK" smtClean="0"/>
              <a:t>11. september 2024</a:t>
            </a:fld>
            <a:endParaRPr lang="da-DK" dirty="0"/>
          </a:p>
        </p:txBody>
      </p:sp>
      <p:sp>
        <p:nvSpPr>
          <p:cNvPr id="10" name="Pladsholder til sidefod 9" hidden="1">
            <a:extLst>
              <a:ext uri="{FF2B5EF4-FFF2-40B4-BE49-F238E27FC236}">
                <a16:creationId xmlns:a16="http://schemas.microsoft.com/office/drawing/2014/main" id="{F131996F-390A-E865-6DE1-34B2C89B6DDA}"/>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4677818A-C460-9AD4-4581-79D827C2FA37}"/>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553086112"/>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el, indhold i boks og indhold">
    <p:bg>
      <p:bgPr>
        <a:solidFill>
          <a:schemeClr val="bg2"/>
        </a:solidFill>
        <a:effectLst/>
      </p:bgPr>
    </p:bg>
    <p:spTree>
      <p:nvGrpSpPr>
        <p:cNvPr id="1" name=""/>
        <p:cNvGrpSpPr/>
        <p:nvPr/>
      </p:nvGrpSpPr>
      <p:grpSpPr>
        <a:xfrm>
          <a:off x="0" y="0"/>
          <a:ext cx="0" cy="0"/>
          <a:chOff x="0" y="0"/>
          <a:chExt cx="0" cy="0"/>
        </a:xfrm>
      </p:grpSpPr>
      <p:sp>
        <p:nvSpPr>
          <p:cNvPr id="21" name="Kombinationstegning: figur 20">
            <a:extLst>
              <a:ext uri="{FF2B5EF4-FFF2-40B4-BE49-F238E27FC236}">
                <a16:creationId xmlns:a16="http://schemas.microsoft.com/office/drawing/2014/main" id="{06DC3118-876E-EDE7-62FA-F78BEA29F6F6}"/>
              </a:ext>
            </a:extLst>
          </p:cNvPr>
          <p:cNvSpPr/>
          <p:nvPr userDrawn="1"/>
        </p:nvSpPr>
        <p:spPr bwMode="auto">
          <a:xfrm flipV="1">
            <a:off x="0"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533387 h 4264024"/>
              <a:gd name="connsiteX9" fmla="*/ 7291401 w 7824788"/>
              <a:gd name="connsiteY9" fmla="*/ 0 h 4264024"/>
              <a:gd name="connsiteX10" fmla="*/ 1276350 w 7824788"/>
              <a:gd name="connsiteY10" fmla="*/ 0 h 4264024"/>
              <a:gd name="connsiteX11" fmla="*/ 533387 w 7824788"/>
              <a:gd name="connsiteY11" fmla="*/ 0 h 4264024"/>
              <a:gd name="connsiteX12" fmla="*/ 0 w 7824788"/>
              <a:gd name="connsiteY12" fmla="*/ 0 h 4264024"/>
              <a:gd name="connsiteX13" fmla="*/ 0 w 7824788"/>
              <a:gd name="connsiteY13" fmla="*/ 533387 h 4264024"/>
              <a:gd name="connsiteX14" fmla="*/ 0 w 7824788"/>
              <a:gd name="connsiteY14" fmla="*/ 1171575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533387"/>
                </a:lnTo>
                <a:cubicBezTo>
                  <a:pt x="7824788" y="238805"/>
                  <a:pt x="7585983" y="0"/>
                  <a:pt x="7291401" y="0"/>
                </a:cubicBezTo>
                <a:lnTo>
                  <a:pt x="1276350" y="0"/>
                </a:lnTo>
                <a:lnTo>
                  <a:pt x="533387" y="0"/>
                </a:lnTo>
                <a:lnTo>
                  <a:pt x="0" y="0"/>
                </a:lnTo>
                <a:lnTo>
                  <a:pt x="0" y="533387"/>
                </a:lnTo>
                <a:lnTo>
                  <a:pt x="0" y="1171575"/>
                </a:ln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endParaRPr lang="da-DK" noProof="0"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8755062"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8755062" y="5949950"/>
            <a:ext cx="2790137"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6A3F7858-A8A7-9247-33F1-49D8C46BCF8F}"/>
              </a:ext>
            </a:extLst>
          </p:cNvPr>
          <p:cNvSpPr>
            <a:spLocks noGrp="1"/>
          </p:cNvSpPr>
          <p:nvPr>
            <p:ph type="dt" sz="half" idx="18"/>
          </p:nvPr>
        </p:nvSpPr>
        <p:spPr/>
        <p:txBody>
          <a:bodyPr/>
          <a:lstStyle/>
          <a:p>
            <a:fld id="{F112B893-6D0C-4087-92C6-D7F6814302ED}" type="datetime2">
              <a:rPr lang="da-DK" smtClean="0"/>
              <a:t>11. september 2024</a:t>
            </a:fld>
            <a:endParaRPr lang="da-DK" dirty="0"/>
          </a:p>
        </p:txBody>
      </p:sp>
      <p:sp>
        <p:nvSpPr>
          <p:cNvPr id="6" name="Pladsholder til sidefod 5" hidden="1">
            <a:extLst>
              <a:ext uri="{FF2B5EF4-FFF2-40B4-BE49-F238E27FC236}">
                <a16:creationId xmlns:a16="http://schemas.microsoft.com/office/drawing/2014/main" id="{8C92AFAF-91DA-4A8C-FBC9-B6A3038C8AE0}"/>
              </a:ext>
            </a:extLst>
          </p:cNvPr>
          <p:cNvSpPr>
            <a:spLocks noGrp="1"/>
          </p:cNvSpPr>
          <p:nvPr>
            <p:ph type="ftr" sz="quarter" idx="19"/>
          </p:nvPr>
        </p:nvSpPr>
        <p:spPr/>
        <p:txBody>
          <a:bodyPr/>
          <a:lstStyle/>
          <a:p>
            <a:endParaRPr lang="da-DK" dirty="0"/>
          </a:p>
        </p:txBody>
      </p:sp>
      <p:sp>
        <p:nvSpPr>
          <p:cNvPr id="7" name="Pladsholder til slidenummer 6" hidden="1">
            <a:extLst>
              <a:ext uri="{FF2B5EF4-FFF2-40B4-BE49-F238E27FC236}">
                <a16:creationId xmlns:a16="http://schemas.microsoft.com/office/drawing/2014/main" id="{12A9BC98-45F3-DDE8-4CF2-D08211A80D67}"/>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777630063"/>
      </p:ext>
    </p:extLst>
  </p:cSld>
  <p:clrMapOvr>
    <a:masterClrMapping/>
  </p:clrMapOvr>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el, indhold og indhold i boks">
    <p:bg>
      <p:bgPr>
        <a:solidFill>
          <a:schemeClr val="bg2"/>
        </a:solidFill>
        <a:effectLst/>
      </p:bgPr>
    </p:bg>
    <p:spTree>
      <p:nvGrpSpPr>
        <p:cNvPr id="1" name=""/>
        <p:cNvGrpSpPr/>
        <p:nvPr/>
      </p:nvGrpSpPr>
      <p:grpSpPr>
        <a:xfrm>
          <a:off x="0" y="0"/>
          <a:ext cx="0" cy="0"/>
          <a:chOff x="0" y="0"/>
          <a:chExt cx="0" cy="0"/>
        </a:xfrm>
      </p:grpSpPr>
      <p:sp>
        <p:nvSpPr>
          <p:cNvPr id="19" name="Kombinationstegning: figur 18">
            <a:extLst>
              <a:ext uri="{FF2B5EF4-FFF2-40B4-BE49-F238E27FC236}">
                <a16:creationId xmlns:a16="http://schemas.microsoft.com/office/drawing/2014/main" id="{7956A760-0F29-E355-088D-58A1FAEDF759}"/>
              </a:ext>
            </a:extLst>
          </p:cNvPr>
          <p:cNvSpPr/>
          <p:nvPr userDrawn="1"/>
        </p:nvSpPr>
        <p:spPr bwMode="auto">
          <a:xfrm flipV="1">
            <a:off x="4367212"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1171575 h 4264024"/>
              <a:gd name="connsiteX9" fmla="*/ 7824788 w 7824788"/>
              <a:gd name="connsiteY9" fmla="*/ 533387 h 4264024"/>
              <a:gd name="connsiteX10" fmla="*/ 7824788 w 7824788"/>
              <a:gd name="connsiteY10" fmla="*/ 0 h 4264024"/>
              <a:gd name="connsiteX11" fmla="*/ 7291401 w 7824788"/>
              <a:gd name="connsiteY11" fmla="*/ 0 h 4264024"/>
              <a:gd name="connsiteX12" fmla="*/ 6548438 w 7824788"/>
              <a:gd name="connsiteY12" fmla="*/ 0 h 4264024"/>
              <a:gd name="connsiteX13" fmla="*/ 533387 w 7824788"/>
              <a:gd name="connsiteY13" fmla="*/ 0 h 4264024"/>
              <a:gd name="connsiteX14" fmla="*/ 0 w 7824788"/>
              <a:gd name="connsiteY14" fmla="*/ 533387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1171575"/>
                </a:lnTo>
                <a:lnTo>
                  <a:pt x="7824788" y="533387"/>
                </a:lnTo>
                <a:lnTo>
                  <a:pt x="7824788" y="0"/>
                </a:lnTo>
                <a:lnTo>
                  <a:pt x="7291401" y="0"/>
                </a:lnTo>
                <a:lnTo>
                  <a:pt x="6548438" y="0"/>
                </a:lnTo>
                <a:lnTo>
                  <a:pt x="533387" y="0"/>
                </a:lnTo>
                <a:cubicBezTo>
                  <a:pt x="238805" y="0"/>
                  <a:pt x="0" y="238805"/>
                  <a:pt x="0" y="533387"/>
                </a:cubicBez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46404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648000"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5295900" y="5949950"/>
            <a:ext cx="62493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7" name="Pladsholder til dato 6" hidden="1">
            <a:extLst>
              <a:ext uri="{FF2B5EF4-FFF2-40B4-BE49-F238E27FC236}">
                <a16:creationId xmlns:a16="http://schemas.microsoft.com/office/drawing/2014/main" id="{5D39DAF0-930E-7136-53A8-BF2EE9B93054}"/>
              </a:ext>
            </a:extLst>
          </p:cNvPr>
          <p:cNvSpPr>
            <a:spLocks noGrp="1"/>
          </p:cNvSpPr>
          <p:nvPr>
            <p:ph type="dt" sz="half" idx="18"/>
          </p:nvPr>
        </p:nvSpPr>
        <p:spPr/>
        <p:txBody>
          <a:bodyPr/>
          <a:lstStyle/>
          <a:p>
            <a:fld id="{6A15EBCE-FE69-4EA0-A7A7-118D151FD02F}" type="datetime2">
              <a:rPr lang="da-DK" smtClean="0"/>
              <a:t>11. september 2024</a:t>
            </a:fld>
            <a:endParaRPr lang="da-DK" dirty="0"/>
          </a:p>
        </p:txBody>
      </p:sp>
      <p:sp>
        <p:nvSpPr>
          <p:cNvPr id="11" name="Pladsholder til sidefod 10" hidden="1">
            <a:extLst>
              <a:ext uri="{FF2B5EF4-FFF2-40B4-BE49-F238E27FC236}">
                <a16:creationId xmlns:a16="http://schemas.microsoft.com/office/drawing/2014/main" id="{889280A1-198A-BBE7-6BBD-9C61B3F85953}"/>
              </a:ext>
            </a:extLst>
          </p:cNvPr>
          <p:cNvSpPr>
            <a:spLocks noGrp="1"/>
          </p:cNvSpPr>
          <p:nvPr>
            <p:ph type="ftr" sz="quarter" idx="19"/>
          </p:nvPr>
        </p:nvSpPr>
        <p:spPr/>
        <p:txBody>
          <a:bodyPr/>
          <a:lstStyle/>
          <a:p>
            <a:endParaRPr lang="da-DK" dirty="0"/>
          </a:p>
        </p:txBody>
      </p:sp>
      <p:sp>
        <p:nvSpPr>
          <p:cNvPr id="12" name="Pladsholder til slidenummer 11" hidden="1">
            <a:extLst>
              <a:ext uri="{FF2B5EF4-FFF2-40B4-BE49-F238E27FC236}">
                <a16:creationId xmlns:a16="http://schemas.microsoft.com/office/drawing/2014/main" id="{03D613F3-97B4-931E-C498-B6B2AD516B5D}"/>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683956326"/>
      </p:ext>
    </p:extLst>
  </p:cSld>
  <p:clrMapOvr>
    <a:masterClrMapping/>
  </p:clrMapOvr>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el, undertitel, indhold i boks og indhold">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3100"/>
          </a:xfrm>
        </p:spPr>
        <p:txBody>
          <a:bodyPr/>
          <a:lstStyle/>
          <a:p>
            <a:r>
              <a:rPr lang="da-DK" dirty="0"/>
              <a:t>Klik for at indsætte overskrift – max. en linje</a:t>
            </a:r>
          </a:p>
        </p:txBody>
      </p:sp>
      <p:sp>
        <p:nvSpPr>
          <p:cNvPr id="5" name="Subtitle 2">
            <a:extLst>
              <a:ext uri="{FF2B5EF4-FFF2-40B4-BE49-F238E27FC236}">
                <a16:creationId xmlns:a16="http://schemas.microsoft.com/office/drawing/2014/main" id="{FC6ABE0D-AB92-E8EA-A825-D3A943832CB4}"/>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6" name="Rectangle: Single Corner Rounded 15">
            <a:extLst>
              <a:ext uri="{FF2B5EF4-FFF2-40B4-BE49-F238E27FC236}">
                <a16:creationId xmlns:a16="http://schemas.microsoft.com/office/drawing/2014/main" id="{321C1839-DBD2-C44C-8687-A005F3C09AEB}"/>
              </a:ext>
            </a:extLst>
          </p:cNvPr>
          <p:cNvSpPr/>
          <p:nvPr userDrawn="1"/>
        </p:nvSpPr>
        <p:spPr bwMode="auto">
          <a:xfrm flipV="1">
            <a:off x="0" y="1685925"/>
            <a:ext cx="7824788" cy="4264024"/>
          </a:xfrm>
          <a:prstGeom prst="round1Rect">
            <a:avLst>
              <a:gd name="adj" fmla="val 13515"/>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7" name="Content Placeholder 2">
            <a:extLst>
              <a:ext uri="{FF2B5EF4-FFF2-40B4-BE49-F238E27FC236}">
                <a16:creationId xmlns:a16="http://schemas.microsoft.com/office/drawing/2014/main" id="{E9B1860C-BFCC-1746-5521-A5B82FB19C72}"/>
              </a:ext>
            </a:extLst>
          </p:cNvPr>
          <p:cNvSpPr>
            <a:spLocks noGrp="1"/>
          </p:cNvSpPr>
          <p:nvPr>
            <p:ph idx="1" hasCustomPrompt="1"/>
          </p:nvPr>
        </p:nvSpPr>
        <p:spPr>
          <a:xfrm>
            <a:off x="6480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11" name="Content Placeholder 2">
            <a:extLst>
              <a:ext uri="{FF2B5EF4-FFF2-40B4-BE49-F238E27FC236}">
                <a16:creationId xmlns:a16="http://schemas.microsoft.com/office/drawing/2014/main" id="{C1ACC670-49B7-4552-69C6-82D25273BD6D}"/>
              </a:ext>
            </a:extLst>
          </p:cNvPr>
          <p:cNvSpPr>
            <a:spLocks noGrp="1"/>
          </p:cNvSpPr>
          <p:nvPr>
            <p:ph idx="14" hasCustomPrompt="1"/>
          </p:nvPr>
        </p:nvSpPr>
        <p:spPr>
          <a:xfrm>
            <a:off x="8755062"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2" name="Text Placeholder note">
            <a:extLst>
              <a:ext uri="{FF2B5EF4-FFF2-40B4-BE49-F238E27FC236}">
                <a16:creationId xmlns:a16="http://schemas.microsoft.com/office/drawing/2014/main" id="{DCD3A48A-06EB-51FE-2186-11C53C5F7503}"/>
              </a:ext>
            </a:extLst>
          </p:cNvPr>
          <p:cNvSpPr>
            <a:spLocks noGrp="1"/>
          </p:cNvSpPr>
          <p:nvPr>
            <p:ph type="body" sz="quarter" idx="17" hasCustomPrompt="1"/>
          </p:nvPr>
        </p:nvSpPr>
        <p:spPr>
          <a:xfrm>
            <a:off x="8755062" y="5949950"/>
            <a:ext cx="2790137"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3" name="Pladsholder til dato 2" hidden="1">
            <a:extLst>
              <a:ext uri="{FF2B5EF4-FFF2-40B4-BE49-F238E27FC236}">
                <a16:creationId xmlns:a16="http://schemas.microsoft.com/office/drawing/2014/main" id="{CC95E95A-476B-9C14-D999-70F27F0BDE4A}"/>
              </a:ext>
            </a:extLst>
          </p:cNvPr>
          <p:cNvSpPr>
            <a:spLocks noGrp="1"/>
          </p:cNvSpPr>
          <p:nvPr>
            <p:ph type="dt" sz="half" idx="18"/>
          </p:nvPr>
        </p:nvSpPr>
        <p:spPr/>
        <p:txBody>
          <a:bodyPr/>
          <a:lstStyle/>
          <a:p>
            <a:fld id="{7F0647A0-B639-4644-B7A6-E2022BFF6B60}" type="datetime2">
              <a:rPr lang="da-DK" smtClean="0"/>
              <a:t>11. september 2024</a:t>
            </a:fld>
            <a:endParaRPr lang="da-DK" dirty="0"/>
          </a:p>
        </p:txBody>
      </p:sp>
      <p:sp>
        <p:nvSpPr>
          <p:cNvPr id="4" name="Pladsholder til sidefod 3" hidden="1">
            <a:extLst>
              <a:ext uri="{FF2B5EF4-FFF2-40B4-BE49-F238E27FC236}">
                <a16:creationId xmlns:a16="http://schemas.microsoft.com/office/drawing/2014/main" id="{6548771E-2E35-0A64-BB60-C5C7B01B8D1B}"/>
              </a:ext>
            </a:extLst>
          </p:cNvPr>
          <p:cNvSpPr>
            <a:spLocks noGrp="1"/>
          </p:cNvSpPr>
          <p:nvPr>
            <p:ph type="ftr" sz="quarter" idx="19"/>
          </p:nvPr>
        </p:nvSpPr>
        <p:spPr/>
        <p:txBody>
          <a:bodyPr/>
          <a:lstStyle/>
          <a:p>
            <a:endParaRPr lang="da-DK" dirty="0"/>
          </a:p>
        </p:txBody>
      </p:sp>
      <p:sp>
        <p:nvSpPr>
          <p:cNvPr id="13" name="Pladsholder til slidenummer 12" hidden="1">
            <a:extLst>
              <a:ext uri="{FF2B5EF4-FFF2-40B4-BE49-F238E27FC236}">
                <a16:creationId xmlns:a16="http://schemas.microsoft.com/office/drawing/2014/main" id="{F1C4F2DF-9876-F898-EC75-3A6FC72010C9}"/>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303041078"/>
      </p:ext>
    </p:extLst>
  </p:cSld>
  <p:clrMapOvr>
    <a:masterClrMapping/>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Forside billede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44" name="Hvid kasse">
            <a:extLst>
              <a:ext uri="{FF2B5EF4-FFF2-40B4-BE49-F238E27FC236}">
                <a16:creationId xmlns:a16="http://schemas.microsoft.com/office/drawing/2014/main" id="{3CBB74ED-65A9-39F5-79DE-B76C72DC5539}"/>
              </a:ext>
            </a:extLst>
          </p:cNvPr>
          <p:cNvSpPr>
            <a:spLocks noGrp="1" noRot="1" noMove="1" noResize="1" noEditPoints="1" noAdjustHandles="1" noChangeArrowheads="1" noChangeShapeType="1"/>
          </p:cNvSpPr>
          <p:nvPr userDrawn="1"/>
        </p:nvSpPr>
        <p:spPr bwMode="ltGray">
          <a:xfrm>
            <a:off x="388800" y="388800"/>
            <a:ext cx="6214528" cy="2664000"/>
          </a:xfrm>
          <a:custGeom>
            <a:avLst/>
            <a:gdLst>
              <a:gd name="connsiteX0" fmla="*/ 262537 w 6214528"/>
              <a:gd name="connsiteY0" fmla="*/ 0 h 2664000"/>
              <a:gd name="connsiteX1" fmla="*/ 5951991 w 6214528"/>
              <a:gd name="connsiteY1" fmla="*/ 0 h 2664000"/>
              <a:gd name="connsiteX2" fmla="*/ 6214528 w 6214528"/>
              <a:gd name="connsiteY2" fmla="*/ 262537 h 2664000"/>
              <a:gd name="connsiteX3" fmla="*/ 6214528 w 6214528"/>
              <a:gd name="connsiteY3" fmla="*/ 1826775 h 2664000"/>
              <a:gd name="connsiteX4" fmla="*/ 6214528 w 6214528"/>
              <a:gd name="connsiteY4" fmla="*/ 2401463 h 2664000"/>
              <a:gd name="connsiteX5" fmla="*/ 6214528 w 6214528"/>
              <a:gd name="connsiteY5" fmla="*/ 2664000 h 2664000"/>
              <a:gd name="connsiteX6" fmla="*/ 5951991 w 6214528"/>
              <a:gd name="connsiteY6" fmla="*/ 2664000 h 2664000"/>
              <a:gd name="connsiteX7" fmla="*/ 5354820 w 6214528"/>
              <a:gd name="connsiteY7" fmla="*/ 2664000 h 2664000"/>
              <a:gd name="connsiteX8" fmla="*/ 262537 w 6214528"/>
              <a:gd name="connsiteY8" fmla="*/ 2664000 h 2664000"/>
              <a:gd name="connsiteX9" fmla="*/ 0 w 6214528"/>
              <a:gd name="connsiteY9" fmla="*/ 2401463 h 2664000"/>
              <a:gd name="connsiteX10" fmla="*/ 0 w 6214528"/>
              <a:gd name="connsiteY10" fmla="*/ 262537 h 2664000"/>
              <a:gd name="connsiteX11" fmla="*/ 262537 w 6214528"/>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214528" h="2664000">
                <a:moveTo>
                  <a:pt x="262537" y="0"/>
                </a:moveTo>
                <a:lnTo>
                  <a:pt x="5951991" y="0"/>
                </a:lnTo>
                <a:cubicBezTo>
                  <a:pt x="6096986" y="0"/>
                  <a:pt x="6214528" y="117542"/>
                  <a:pt x="6214528" y="262537"/>
                </a:cubicBezTo>
                <a:lnTo>
                  <a:pt x="6214528" y="1826775"/>
                </a:lnTo>
                <a:lnTo>
                  <a:pt x="6214528" y="2401463"/>
                </a:lnTo>
                <a:lnTo>
                  <a:pt x="6214528" y="2664000"/>
                </a:lnTo>
                <a:lnTo>
                  <a:pt x="5951991" y="2664000"/>
                </a:lnTo>
                <a:lnTo>
                  <a:pt x="5354820" y="2664000"/>
                </a:lnTo>
                <a:lnTo>
                  <a:pt x="262537" y="2664000"/>
                </a:lnTo>
                <a:cubicBezTo>
                  <a:pt x="117542" y="2664000"/>
                  <a:pt x="0" y="2546458"/>
                  <a:pt x="0" y="2401463"/>
                </a:cubicBezTo>
                <a:lnTo>
                  <a:pt x="0" y="262537"/>
                </a:lnTo>
                <a:cubicBezTo>
                  <a:pt x="0" y="117542"/>
                  <a:pt x="117542" y="0"/>
                  <a:pt x="262537" y="0"/>
                </a:cubicBezTo>
                <a:close/>
              </a:path>
            </a:pathLst>
          </a:custGeom>
          <a:solidFill>
            <a:schemeClr val="accent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7999" y="647999"/>
            <a:ext cx="5436163" cy="1908000"/>
          </a:xfrm>
        </p:spPr>
        <p:txBody>
          <a:bodyPr anchor="t" anchorCtr="0"/>
          <a:lstStyle>
            <a:lvl1pPr algn="l">
              <a:defRPr sz="4400">
                <a:solidFill>
                  <a:schemeClr val="bg1"/>
                </a:solidFill>
              </a:defRPr>
            </a:lvl1pPr>
          </a:lstStyle>
          <a:p>
            <a:r>
              <a:rPr lang="da-DK" dirty="0"/>
              <a:t>Klik for at indsætte overskrift – max. tre linjer</a:t>
            </a:r>
          </a:p>
        </p:txBody>
      </p:sp>
      <p:sp>
        <p:nvSpPr>
          <p:cNvPr id="14" name="Navne kasse">
            <a:extLst>
              <a:ext uri="{FF2B5EF4-FFF2-40B4-BE49-F238E27FC236}">
                <a16:creationId xmlns:a16="http://schemas.microsoft.com/office/drawing/2014/main" id="{DDBEFA5B-3926-71DD-6A16-85D4E2504949}"/>
              </a:ext>
            </a:extLst>
          </p:cNvPr>
          <p:cNvSpPr>
            <a:spLocks noGrp="1" noRot="1" noMove="1" noResize="1" noEditPoints="1" noAdjustHandles="1" noChangeArrowheads="1" noChangeShapeType="1"/>
          </p:cNvSpPr>
          <p:nvPr userDrawn="1"/>
        </p:nvSpPr>
        <p:spPr bwMode="ltGray">
          <a:xfrm>
            <a:off x="388800" y="3181117"/>
            <a:ext cx="3431451" cy="1130401"/>
          </a:xfrm>
          <a:custGeom>
            <a:avLst/>
            <a:gdLst>
              <a:gd name="connsiteX0" fmla="*/ 0 w 3431451"/>
              <a:gd name="connsiteY0" fmla="*/ 0 h 1130401"/>
              <a:gd name="connsiteX1" fmla="*/ 309398 w 3431451"/>
              <a:gd name="connsiteY1" fmla="*/ 0 h 1130401"/>
              <a:gd name="connsiteX2" fmla="*/ 360803 w 3431451"/>
              <a:gd name="connsiteY2" fmla="*/ 0 h 1130401"/>
              <a:gd name="connsiteX3" fmla="*/ 1784429 w 3431451"/>
              <a:gd name="connsiteY3" fmla="*/ 0 h 1130401"/>
              <a:gd name="connsiteX4" fmla="*/ 1984561 w 3431451"/>
              <a:gd name="connsiteY4" fmla="*/ 0 h 1130401"/>
              <a:gd name="connsiteX5" fmla="*/ 2864082 w 3431451"/>
              <a:gd name="connsiteY5" fmla="*/ 0 h 1130401"/>
              <a:gd name="connsiteX6" fmla="*/ 2864082 w 3431451"/>
              <a:gd name="connsiteY6" fmla="*/ 220 h 1130401"/>
              <a:gd name="connsiteX7" fmla="*/ 2866251 w 3431451"/>
              <a:gd name="connsiteY7" fmla="*/ 1 h 1130401"/>
              <a:gd name="connsiteX8" fmla="*/ 3431451 w 3431451"/>
              <a:gd name="connsiteY8" fmla="*/ 565201 h 1130401"/>
              <a:gd name="connsiteX9" fmla="*/ 2866251 w 3431451"/>
              <a:gd name="connsiteY9" fmla="*/ 1130401 h 1130401"/>
              <a:gd name="connsiteX10" fmla="*/ 2864082 w 3431451"/>
              <a:gd name="connsiteY10" fmla="*/ 1130183 h 1130401"/>
              <a:gd name="connsiteX11" fmla="*/ 2864082 w 3431451"/>
              <a:gd name="connsiteY11" fmla="*/ 1130400 h 1130401"/>
              <a:gd name="connsiteX12" fmla="*/ 1784429 w 3431451"/>
              <a:gd name="connsiteY12" fmla="*/ 1130400 h 1130401"/>
              <a:gd name="connsiteX13" fmla="*/ 1784429 w 3431451"/>
              <a:gd name="connsiteY13" fmla="*/ 1129231 h 1130401"/>
              <a:gd name="connsiteX14" fmla="*/ 309398 w 3431451"/>
              <a:gd name="connsiteY14" fmla="*/ 1129231 h 1130401"/>
              <a:gd name="connsiteX15" fmla="*/ 0 w 3431451"/>
              <a:gd name="connsiteY15" fmla="*/ 819833 h 1130401"/>
              <a:gd name="connsiteX16" fmla="*/ 0 w 3431451"/>
              <a:gd name="connsiteY16" fmla="*/ 360803 h 1130401"/>
              <a:gd name="connsiteX17" fmla="*/ 0 w 3431451"/>
              <a:gd name="connsiteY17" fmla="*/ 309398 h 11304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431451" h="1130401">
                <a:moveTo>
                  <a:pt x="0" y="0"/>
                </a:moveTo>
                <a:lnTo>
                  <a:pt x="309398" y="0"/>
                </a:lnTo>
                <a:lnTo>
                  <a:pt x="360803" y="0"/>
                </a:lnTo>
                <a:lnTo>
                  <a:pt x="1784429" y="0"/>
                </a:lnTo>
                <a:lnTo>
                  <a:pt x="1984561" y="0"/>
                </a:lnTo>
                <a:lnTo>
                  <a:pt x="2864082" y="0"/>
                </a:lnTo>
                <a:lnTo>
                  <a:pt x="2864082" y="220"/>
                </a:lnTo>
                <a:lnTo>
                  <a:pt x="2866251" y="1"/>
                </a:lnTo>
                <a:cubicBezTo>
                  <a:pt x="3178402" y="1"/>
                  <a:pt x="3431451" y="253050"/>
                  <a:pt x="3431451" y="565201"/>
                </a:cubicBezTo>
                <a:cubicBezTo>
                  <a:pt x="3431451" y="877352"/>
                  <a:pt x="3178402" y="1130401"/>
                  <a:pt x="2866251" y="1130401"/>
                </a:cubicBezTo>
                <a:lnTo>
                  <a:pt x="2864082" y="1130183"/>
                </a:lnTo>
                <a:lnTo>
                  <a:pt x="2864082" y="1130400"/>
                </a:lnTo>
                <a:lnTo>
                  <a:pt x="1784429" y="1130400"/>
                </a:lnTo>
                <a:lnTo>
                  <a:pt x="1784429" y="1129231"/>
                </a:lnTo>
                <a:lnTo>
                  <a:pt x="309398" y="1129231"/>
                </a:lnTo>
                <a:cubicBezTo>
                  <a:pt x="138522" y="1129231"/>
                  <a:pt x="0" y="990709"/>
                  <a:pt x="0" y="819833"/>
                </a:cubicBezTo>
                <a:lnTo>
                  <a:pt x="0" y="360803"/>
                </a:lnTo>
                <a:lnTo>
                  <a:pt x="0" y="309398"/>
                </a:ln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5" name="Pladsholder til tekst navn">
            <a:extLst>
              <a:ext uri="{FF2B5EF4-FFF2-40B4-BE49-F238E27FC236}">
                <a16:creationId xmlns:a16="http://schemas.microsoft.com/office/drawing/2014/main" id="{FFA186A6-CFBA-E3D8-4BAA-76661E92AD5B}"/>
              </a:ext>
            </a:extLst>
          </p:cNvPr>
          <p:cNvSpPr>
            <a:spLocks noGrp="1"/>
          </p:cNvSpPr>
          <p:nvPr>
            <p:ph type="body" sz="quarter" idx="18" hasCustomPrompt="1"/>
          </p:nvPr>
        </p:nvSpPr>
        <p:spPr>
          <a:xfrm>
            <a:off x="648000" y="3292346"/>
            <a:ext cx="278640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16" name="Pladsholder til tekst efternavn">
            <a:extLst>
              <a:ext uri="{FF2B5EF4-FFF2-40B4-BE49-F238E27FC236}">
                <a16:creationId xmlns:a16="http://schemas.microsoft.com/office/drawing/2014/main" id="{0639540E-3E75-4573-9921-2D9E77D18B28}"/>
              </a:ext>
            </a:extLst>
          </p:cNvPr>
          <p:cNvSpPr>
            <a:spLocks noGrp="1"/>
          </p:cNvSpPr>
          <p:nvPr>
            <p:ph type="body" sz="quarter" idx="19" hasCustomPrompt="1"/>
          </p:nvPr>
        </p:nvSpPr>
        <p:spPr>
          <a:xfrm>
            <a:off x="648000" y="3578598"/>
            <a:ext cx="278735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17" name="Date Placeholder 6">
            <a:extLst>
              <a:ext uri="{FF2B5EF4-FFF2-40B4-BE49-F238E27FC236}">
                <a16:creationId xmlns:a16="http://schemas.microsoft.com/office/drawing/2014/main" id="{507A64B3-127A-DB52-8A39-1BCC311F3DE9}"/>
              </a:ext>
            </a:extLst>
          </p:cNvPr>
          <p:cNvSpPr>
            <a:spLocks noGrp="1"/>
          </p:cNvSpPr>
          <p:nvPr>
            <p:ph type="dt" sz="half" idx="15"/>
          </p:nvPr>
        </p:nvSpPr>
        <p:spPr>
          <a:xfrm>
            <a:off x="648000" y="3872772"/>
            <a:ext cx="2786400" cy="324000"/>
          </a:xfrm>
          <a:prstGeom prst="rect">
            <a:avLst/>
          </a:prstGeom>
        </p:spPr>
        <p:txBody>
          <a:bodyPr anchor="t" anchorCtr="0"/>
          <a:lstStyle>
            <a:lvl1pPr algn="l">
              <a:defRPr sz="2000">
                <a:solidFill>
                  <a:srgbClr val="38025C"/>
                </a:solidFill>
              </a:defRPr>
            </a:lvl1pPr>
          </a:lstStyle>
          <a:p>
            <a:fld id="{27E5D938-A7D3-45B9-BEB6-D9B4DFC7DEDE}" type="datetime2">
              <a:rPr lang="da-DK" smtClean="0"/>
              <a:pPr/>
              <a:t>11. september 2024</a:t>
            </a:fld>
            <a:endParaRPr lang="da-DK" dirty="0"/>
          </a:p>
        </p:txBody>
      </p:sp>
      <p:pic>
        <p:nvPicPr>
          <p:cNvPr id="5" name="Dynamic cover logo hvid" descr="{&quot;templafy&quot;:{&quot;id&quot;:&quot;717d8831-968c-4680-b8c0-70730c9614b8&quot;}}">
            <a:extLst>
              <a:ext uri="{FF2B5EF4-FFF2-40B4-BE49-F238E27FC236}">
                <a16:creationId xmlns:a16="http://schemas.microsoft.com/office/drawing/2014/main" id="{DB108CDC-95D3-C248-1A33-3CC4B309A13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1724859657"/>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el, undertitel, indhold og indhold i boks">
    <p:bg>
      <p:bgPr>
        <a:solidFill>
          <a:schemeClr val="bg2"/>
        </a:solidFill>
        <a:effectLst/>
      </p:bgPr>
    </p:bg>
    <p:spTree>
      <p:nvGrpSpPr>
        <p:cNvPr id="1" name=""/>
        <p:cNvGrpSpPr/>
        <p:nvPr/>
      </p:nvGrpSpPr>
      <p:grpSpPr>
        <a:xfrm>
          <a:off x="0" y="0"/>
          <a:ext cx="0" cy="0"/>
          <a:chOff x="0" y="0"/>
          <a:chExt cx="0" cy="0"/>
        </a:xfrm>
      </p:grpSpPr>
      <p:sp>
        <p:nvSpPr>
          <p:cNvPr id="19" name="Kombinationstegning: figur 18">
            <a:extLst>
              <a:ext uri="{FF2B5EF4-FFF2-40B4-BE49-F238E27FC236}">
                <a16:creationId xmlns:a16="http://schemas.microsoft.com/office/drawing/2014/main" id="{7956A760-0F29-E355-088D-58A1FAEDF759}"/>
              </a:ext>
            </a:extLst>
          </p:cNvPr>
          <p:cNvSpPr/>
          <p:nvPr userDrawn="1"/>
        </p:nvSpPr>
        <p:spPr bwMode="auto">
          <a:xfrm flipV="1">
            <a:off x="4367212"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1171575 h 4264024"/>
              <a:gd name="connsiteX9" fmla="*/ 7824788 w 7824788"/>
              <a:gd name="connsiteY9" fmla="*/ 533387 h 4264024"/>
              <a:gd name="connsiteX10" fmla="*/ 7824788 w 7824788"/>
              <a:gd name="connsiteY10" fmla="*/ 0 h 4264024"/>
              <a:gd name="connsiteX11" fmla="*/ 7291401 w 7824788"/>
              <a:gd name="connsiteY11" fmla="*/ 0 h 4264024"/>
              <a:gd name="connsiteX12" fmla="*/ 6548438 w 7824788"/>
              <a:gd name="connsiteY12" fmla="*/ 0 h 4264024"/>
              <a:gd name="connsiteX13" fmla="*/ 533387 w 7824788"/>
              <a:gd name="connsiteY13" fmla="*/ 0 h 4264024"/>
              <a:gd name="connsiteX14" fmla="*/ 0 w 7824788"/>
              <a:gd name="connsiteY14" fmla="*/ 533387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1171575"/>
                </a:lnTo>
                <a:lnTo>
                  <a:pt x="7824788" y="533387"/>
                </a:lnTo>
                <a:lnTo>
                  <a:pt x="7824788" y="0"/>
                </a:lnTo>
                <a:lnTo>
                  <a:pt x="7291401" y="0"/>
                </a:lnTo>
                <a:lnTo>
                  <a:pt x="6548438" y="0"/>
                </a:lnTo>
                <a:lnTo>
                  <a:pt x="533387" y="0"/>
                </a:lnTo>
                <a:cubicBezTo>
                  <a:pt x="238805" y="0"/>
                  <a:pt x="0" y="238805"/>
                  <a:pt x="0" y="533387"/>
                </a:cubicBez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lvl1pPr>
              <a:defRPr/>
            </a:lvl1pPr>
          </a:lstStyle>
          <a:p>
            <a:r>
              <a:rPr lang="da-DK" dirty="0"/>
              <a:t>Klik for at indsætte overskrift – max. en linje</a:t>
            </a:r>
          </a:p>
        </p:txBody>
      </p:sp>
      <p:sp>
        <p:nvSpPr>
          <p:cNvPr id="11" name="Subtitle 2">
            <a:extLst>
              <a:ext uri="{FF2B5EF4-FFF2-40B4-BE49-F238E27FC236}">
                <a16:creationId xmlns:a16="http://schemas.microsoft.com/office/drawing/2014/main" id="{AA9CC7F3-A167-27AF-EA67-E46CB6F5832F}"/>
              </a:ext>
            </a:extLst>
          </p:cNvPr>
          <p:cNvSpPr>
            <a:spLocks noGrp="1"/>
          </p:cNvSpPr>
          <p:nvPr>
            <p:ph type="subTitle" idx="18"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46404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648000"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25269864-9DC1-9A97-CB37-44AB255F33C5}"/>
              </a:ext>
            </a:extLst>
          </p:cNvPr>
          <p:cNvSpPr>
            <a:spLocks noGrp="1"/>
          </p:cNvSpPr>
          <p:nvPr>
            <p:ph type="dt" sz="half" idx="19"/>
          </p:nvPr>
        </p:nvSpPr>
        <p:spPr/>
        <p:txBody>
          <a:bodyPr/>
          <a:lstStyle/>
          <a:p>
            <a:fld id="{21684E64-783B-4067-B225-396786B56D0D}" type="datetime2">
              <a:rPr lang="da-DK" smtClean="0"/>
              <a:t>11. september 2024</a:t>
            </a:fld>
            <a:endParaRPr lang="da-DK" dirty="0"/>
          </a:p>
        </p:txBody>
      </p:sp>
      <p:sp>
        <p:nvSpPr>
          <p:cNvPr id="6" name="Pladsholder til sidefod 5" hidden="1">
            <a:extLst>
              <a:ext uri="{FF2B5EF4-FFF2-40B4-BE49-F238E27FC236}">
                <a16:creationId xmlns:a16="http://schemas.microsoft.com/office/drawing/2014/main" id="{5FE15E82-906C-2363-0821-844E542975F7}"/>
              </a:ext>
            </a:extLst>
          </p:cNvPr>
          <p:cNvSpPr>
            <a:spLocks noGrp="1"/>
          </p:cNvSpPr>
          <p:nvPr>
            <p:ph type="ftr" sz="quarter" idx="20"/>
          </p:nvPr>
        </p:nvSpPr>
        <p:spPr/>
        <p:txBody>
          <a:bodyPr/>
          <a:lstStyle/>
          <a:p>
            <a:endParaRPr lang="da-DK" dirty="0"/>
          </a:p>
        </p:txBody>
      </p:sp>
      <p:sp>
        <p:nvSpPr>
          <p:cNvPr id="7" name="Pladsholder til slidenummer 6" hidden="1">
            <a:extLst>
              <a:ext uri="{FF2B5EF4-FFF2-40B4-BE49-F238E27FC236}">
                <a16:creationId xmlns:a16="http://schemas.microsoft.com/office/drawing/2014/main" id="{E045214C-F52E-C5ED-514E-4BCA1589BEDF}"/>
              </a:ext>
            </a:extLst>
          </p:cNvPr>
          <p:cNvSpPr>
            <a:spLocks noGrp="1"/>
          </p:cNvSpPr>
          <p:nvPr>
            <p:ph type="sldNum" sz="quarter" idx="21"/>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602984735"/>
      </p:ext>
    </p:extLst>
  </p:cSld>
  <p:clrMapOvr>
    <a:masterClrMapping/>
  </p:clrMapOvr>
  <p:extLst>
    <p:ext uri="{DCECCB84-F9BA-43D5-87BE-67443E8EF086}">
      <p15:sldGuideLst xmlns:p15="http://schemas.microsoft.com/office/powerpoint/2012/main"/>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el, undertitel og to indhold i boks">
    <p:bg>
      <p:bgPr>
        <a:solidFill>
          <a:schemeClr val="bg2"/>
        </a:solidFill>
        <a:effectLst/>
      </p:bgPr>
    </p:bg>
    <p:spTree>
      <p:nvGrpSpPr>
        <p:cNvPr id="1" name=""/>
        <p:cNvGrpSpPr/>
        <p:nvPr/>
      </p:nvGrpSpPr>
      <p:grpSpPr>
        <a:xfrm>
          <a:off x="0" y="0"/>
          <a:ext cx="0" cy="0"/>
          <a:chOff x="0" y="0"/>
          <a:chExt cx="0" cy="0"/>
        </a:xfrm>
      </p:grpSpPr>
      <p:sp>
        <p:nvSpPr>
          <p:cNvPr id="4" name="Rectangle: Single Corner Rounded 15">
            <a:extLst>
              <a:ext uri="{FF2B5EF4-FFF2-40B4-BE49-F238E27FC236}">
                <a16:creationId xmlns:a16="http://schemas.microsoft.com/office/drawing/2014/main" id="{7235954B-8849-8E63-0A81-519032526B3F}"/>
              </a:ext>
            </a:extLst>
          </p:cNvPr>
          <p:cNvSpPr/>
          <p:nvPr userDrawn="1"/>
        </p:nvSpPr>
        <p:spPr>
          <a:xfrm flipV="1">
            <a:off x="0" y="1943999"/>
            <a:ext cx="5965825" cy="4005950"/>
          </a:xfrm>
          <a:prstGeom prst="round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8" name="Kombinationstegning: figur 7">
            <a:extLst>
              <a:ext uri="{FF2B5EF4-FFF2-40B4-BE49-F238E27FC236}">
                <a16:creationId xmlns:a16="http://schemas.microsoft.com/office/drawing/2014/main" id="{27BFBB39-F32F-ADCB-84E2-1282B909A974}"/>
              </a:ext>
            </a:extLst>
          </p:cNvPr>
          <p:cNvSpPr/>
          <p:nvPr userDrawn="1"/>
        </p:nvSpPr>
        <p:spPr bwMode="auto">
          <a:xfrm flipV="1">
            <a:off x="6226176" y="1685926"/>
            <a:ext cx="5316538" cy="4264024"/>
          </a:xfrm>
          <a:custGeom>
            <a:avLst/>
            <a:gdLst>
              <a:gd name="connsiteX0" fmla="*/ 529848 w 5316538"/>
              <a:gd name="connsiteY0" fmla="*/ 4264024 h 4264024"/>
              <a:gd name="connsiteX1" fmla="*/ 4786690 w 5316538"/>
              <a:gd name="connsiteY1" fmla="*/ 4264024 h 4264024"/>
              <a:gd name="connsiteX2" fmla="*/ 5316538 w 5316538"/>
              <a:gd name="connsiteY2" fmla="*/ 3734176 h 4264024"/>
              <a:gd name="connsiteX3" fmla="*/ 5316538 w 5316538"/>
              <a:gd name="connsiteY3" fmla="*/ 529848 h 4264024"/>
              <a:gd name="connsiteX4" fmla="*/ 4786690 w 5316538"/>
              <a:gd name="connsiteY4" fmla="*/ 0 h 4264024"/>
              <a:gd name="connsiteX5" fmla="*/ 1571625 w 5316538"/>
              <a:gd name="connsiteY5" fmla="*/ 0 h 4264024"/>
              <a:gd name="connsiteX6" fmla="*/ 529848 w 5316538"/>
              <a:gd name="connsiteY6" fmla="*/ 0 h 4264024"/>
              <a:gd name="connsiteX7" fmla="*/ 0 w 5316538"/>
              <a:gd name="connsiteY7" fmla="*/ 0 h 4264024"/>
              <a:gd name="connsiteX8" fmla="*/ 0 w 5316538"/>
              <a:gd name="connsiteY8" fmla="*/ 529848 h 4264024"/>
              <a:gd name="connsiteX9" fmla="*/ 0 w 5316538"/>
              <a:gd name="connsiteY9" fmla="*/ 1143000 h 4264024"/>
              <a:gd name="connsiteX10" fmla="*/ 0 w 5316538"/>
              <a:gd name="connsiteY10" fmla="*/ 3734176 h 4264024"/>
              <a:gd name="connsiteX11" fmla="*/ 529848 w 5316538"/>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316538" h="4264024">
                <a:moveTo>
                  <a:pt x="529848" y="4264024"/>
                </a:moveTo>
                <a:lnTo>
                  <a:pt x="4786690" y="4264024"/>
                </a:lnTo>
                <a:cubicBezTo>
                  <a:pt x="5079317" y="4264024"/>
                  <a:pt x="5316538" y="4026803"/>
                  <a:pt x="5316538" y="3734176"/>
                </a:cubicBezTo>
                <a:lnTo>
                  <a:pt x="5316538" y="529848"/>
                </a:lnTo>
                <a:cubicBezTo>
                  <a:pt x="5316538" y="237221"/>
                  <a:pt x="5079317" y="0"/>
                  <a:pt x="4786690" y="0"/>
                </a:cubicBezTo>
                <a:lnTo>
                  <a:pt x="1571625" y="0"/>
                </a:lnTo>
                <a:lnTo>
                  <a:pt x="529848" y="0"/>
                </a:lnTo>
                <a:lnTo>
                  <a:pt x="0" y="0"/>
                </a:lnTo>
                <a:lnTo>
                  <a:pt x="0" y="529848"/>
                </a:lnTo>
                <a:lnTo>
                  <a:pt x="0" y="1143000"/>
                </a:lnTo>
                <a:lnTo>
                  <a:pt x="0" y="3734176"/>
                </a:lnTo>
                <a:cubicBezTo>
                  <a:pt x="0" y="4026803"/>
                  <a:pt x="237221" y="4264024"/>
                  <a:pt x="529848"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9" name="Kombinationstegning: figur 8">
            <a:extLst>
              <a:ext uri="{FF2B5EF4-FFF2-40B4-BE49-F238E27FC236}">
                <a16:creationId xmlns:a16="http://schemas.microsoft.com/office/drawing/2014/main" id="{373C8EEB-9FB4-DB58-D299-02E2DFEF0E8C}"/>
              </a:ext>
            </a:extLst>
          </p:cNvPr>
          <p:cNvSpPr/>
          <p:nvPr userDrawn="1"/>
        </p:nvSpPr>
        <p:spPr bwMode="auto">
          <a:xfrm flipV="1">
            <a:off x="0" y="1685925"/>
            <a:ext cx="5965825" cy="4264024"/>
          </a:xfrm>
          <a:custGeom>
            <a:avLst/>
            <a:gdLst>
              <a:gd name="connsiteX0" fmla="*/ 0 w 5965825"/>
              <a:gd name="connsiteY0" fmla="*/ 4264024 h 4264024"/>
              <a:gd name="connsiteX1" fmla="*/ 537139 w 5965825"/>
              <a:gd name="connsiteY1" fmla="*/ 4264024 h 4264024"/>
              <a:gd name="connsiteX2" fmla="*/ 1571625 w 5965825"/>
              <a:gd name="connsiteY2" fmla="*/ 4264024 h 4264024"/>
              <a:gd name="connsiteX3" fmla="*/ 5428686 w 5965825"/>
              <a:gd name="connsiteY3" fmla="*/ 4264024 h 4264024"/>
              <a:gd name="connsiteX4" fmla="*/ 5965825 w 5965825"/>
              <a:gd name="connsiteY4" fmla="*/ 3726885 h 4264024"/>
              <a:gd name="connsiteX5" fmla="*/ 5965825 w 5965825"/>
              <a:gd name="connsiteY5" fmla="*/ 537139 h 4264024"/>
              <a:gd name="connsiteX6" fmla="*/ 5428686 w 5965825"/>
              <a:gd name="connsiteY6" fmla="*/ 0 h 4264024"/>
              <a:gd name="connsiteX7" fmla="*/ 1571625 w 5965825"/>
              <a:gd name="connsiteY7" fmla="*/ 0 h 4264024"/>
              <a:gd name="connsiteX8" fmla="*/ 537139 w 5965825"/>
              <a:gd name="connsiteY8" fmla="*/ 0 h 4264024"/>
              <a:gd name="connsiteX9" fmla="*/ 0 w 5965825"/>
              <a:gd name="connsiteY9" fmla="*/ 0 h 4264024"/>
              <a:gd name="connsiteX10" fmla="*/ 0 w 5965825"/>
              <a:gd name="connsiteY10" fmla="*/ 537139 h 4264024"/>
              <a:gd name="connsiteX11" fmla="*/ 0 w 5965825"/>
              <a:gd name="connsiteY11" fmla="*/ 1143000 h 4264024"/>
              <a:gd name="connsiteX12" fmla="*/ 0 w 5965825"/>
              <a:gd name="connsiteY12" fmla="*/ 3121024 h 4264024"/>
              <a:gd name="connsiteX13" fmla="*/ 0 w 5965825"/>
              <a:gd name="connsiteY13" fmla="*/ 3726885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65825" h="4264024">
                <a:moveTo>
                  <a:pt x="0" y="4264024"/>
                </a:moveTo>
                <a:lnTo>
                  <a:pt x="537139" y="4264024"/>
                </a:lnTo>
                <a:lnTo>
                  <a:pt x="1571625" y="4264024"/>
                </a:lnTo>
                <a:lnTo>
                  <a:pt x="5428686" y="4264024"/>
                </a:lnTo>
                <a:cubicBezTo>
                  <a:pt x="5725340" y="4264024"/>
                  <a:pt x="5965825" y="4023539"/>
                  <a:pt x="5965825" y="3726885"/>
                </a:cubicBezTo>
                <a:lnTo>
                  <a:pt x="5965825" y="537139"/>
                </a:lnTo>
                <a:cubicBezTo>
                  <a:pt x="5965825" y="240485"/>
                  <a:pt x="5725340" y="0"/>
                  <a:pt x="5428686" y="0"/>
                </a:cubicBezTo>
                <a:lnTo>
                  <a:pt x="1571625" y="0"/>
                </a:lnTo>
                <a:lnTo>
                  <a:pt x="537139" y="0"/>
                </a:lnTo>
                <a:lnTo>
                  <a:pt x="0" y="0"/>
                </a:lnTo>
                <a:lnTo>
                  <a:pt x="0" y="537139"/>
                </a:lnTo>
                <a:lnTo>
                  <a:pt x="0" y="1143000"/>
                </a:lnTo>
                <a:lnTo>
                  <a:pt x="0" y="3121024"/>
                </a:lnTo>
                <a:lnTo>
                  <a:pt x="0" y="3726885"/>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3100"/>
          </a:xfrm>
        </p:spPr>
        <p:txBody>
          <a:bodyPr/>
          <a:lstStyle/>
          <a:p>
            <a:r>
              <a:rPr lang="da-DK" dirty="0"/>
              <a:t>Klik for at indsætte overskrift – max. en linje</a:t>
            </a:r>
          </a:p>
        </p:txBody>
      </p:sp>
      <p:sp>
        <p:nvSpPr>
          <p:cNvPr id="5" name="Subtitle 2">
            <a:extLst>
              <a:ext uri="{FF2B5EF4-FFF2-40B4-BE49-F238E27FC236}">
                <a16:creationId xmlns:a16="http://schemas.microsoft.com/office/drawing/2014/main" id="{FC6ABE0D-AB92-E8EA-A825-D3A943832CB4}"/>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647998" y="1944000"/>
            <a:ext cx="5061600" cy="336232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29" name="Content Placeholder 2">
            <a:extLst>
              <a:ext uri="{FF2B5EF4-FFF2-40B4-BE49-F238E27FC236}">
                <a16:creationId xmlns:a16="http://schemas.microsoft.com/office/drawing/2014/main" id="{51ACAAA7-0466-2321-F95F-97DBA7C58A55}"/>
              </a:ext>
            </a:extLst>
          </p:cNvPr>
          <p:cNvSpPr>
            <a:spLocks noGrp="1"/>
          </p:cNvSpPr>
          <p:nvPr>
            <p:ph idx="14" hasCustomPrompt="1"/>
          </p:nvPr>
        </p:nvSpPr>
        <p:spPr>
          <a:xfrm>
            <a:off x="6487200" y="1944000"/>
            <a:ext cx="4795200" cy="336232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33" name="Text Placeholder note">
            <a:extLst>
              <a:ext uri="{FF2B5EF4-FFF2-40B4-BE49-F238E27FC236}">
                <a16:creationId xmlns:a16="http://schemas.microsoft.com/office/drawing/2014/main" id="{8C8CC7A7-A66D-1EE2-7234-8ED16715918F}"/>
              </a:ext>
            </a:extLst>
          </p:cNvPr>
          <p:cNvSpPr>
            <a:spLocks noGrp="1"/>
          </p:cNvSpPr>
          <p:nvPr>
            <p:ph type="body" sz="quarter" idx="17" hasCustomPrompt="1"/>
          </p:nvPr>
        </p:nvSpPr>
        <p:spPr>
          <a:xfrm>
            <a:off x="6487200" y="5431476"/>
            <a:ext cx="47952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34" name="Text Placeholder note">
            <a:extLst>
              <a:ext uri="{FF2B5EF4-FFF2-40B4-BE49-F238E27FC236}">
                <a16:creationId xmlns:a16="http://schemas.microsoft.com/office/drawing/2014/main" id="{1E1099D8-5E8B-6339-3913-E119E65708AC}"/>
              </a:ext>
            </a:extLst>
          </p:cNvPr>
          <p:cNvSpPr>
            <a:spLocks noGrp="1"/>
          </p:cNvSpPr>
          <p:nvPr>
            <p:ph type="body" sz="quarter" idx="18" hasCustomPrompt="1"/>
          </p:nvPr>
        </p:nvSpPr>
        <p:spPr>
          <a:xfrm>
            <a:off x="648000" y="5431476"/>
            <a:ext cx="5061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6" name="Pladsholder til dato 5" hidden="1">
            <a:extLst>
              <a:ext uri="{FF2B5EF4-FFF2-40B4-BE49-F238E27FC236}">
                <a16:creationId xmlns:a16="http://schemas.microsoft.com/office/drawing/2014/main" id="{F9832486-0750-ED6B-7D23-7F2DCDCC4E4A}"/>
              </a:ext>
            </a:extLst>
          </p:cNvPr>
          <p:cNvSpPr>
            <a:spLocks noGrp="1"/>
          </p:cNvSpPr>
          <p:nvPr>
            <p:ph type="dt" sz="half" idx="19"/>
          </p:nvPr>
        </p:nvSpPr>
        <p:spPr/>
        <p:txBody>
          <a:bodyPr/>
          <a:lstStyle/>
          <a:p>
            <a:fld id="{5EDD3936-4D5A-4791-A55B-9B75553730C6}" type="datetime2">
              <a:rPr lang="da-DK" smtClean="0"/>
              <a:t>11. september 2024</a:t>
            </a:fld>
            <a:endParaRPr lang="da-DK" dirty="0"/>
          </a:p>
        </p:txBody>
      </p:sp>
      <p:sp>
        <p:nvSpPr>
          <p:cNvPr id="7" name="Pladsholder til sidefod 6" hidden="1">
            <a:extLst>
              <a:ext uri="{FF2B5EF4-FFF2-40B4-BE49-F238E27FC236}">
                <a16:creationId xmlns:a16="http://schemas.microsoft.com/office/drawing/2014/main" id="{019C52ED-2B7A-2FC8-C23F-14E5F0AC531D}"/>
              </a:ext>
            </a:extLst>
          </p:cNvPr>
          <p:cNvSpPr>
            <a:spLocks noGrp="1"/>
          </p:cNvSpPr>
          <p:nvPr>
            <p:ph type="ftr" sz="quarter" idx="20"/>
          </p:nvPr>
        </p:nvSpPr>
        <p:spPr/>
        <p:txBody>
          <a:bodyPr/>
          <a:lstStyle/>
          <a:p>
            <a:endParaRPr lang="da-DK" dirty="0"/>
          </a:p>
        </p:txBody>
      </p:sp>
      <p:sp>
        <p:nvSpPr>
          <p:cNvPr id="11" name="Pladsholder til slidenummer 10" hidden="1">
            <a:extLst>
              <a:ext uri="{FF2B5EF4-FFF2-40B4-BE49-F238E27FC236}">
                <a16:creationId xmlns:a16="http://schemas.microsoft.com/office/drawing/2014/main" id="{37E232F7-FD9B-7EB7-684A-0990909DB543}"/>
              </a:ext>
            </a:extLst>
          </p:cNvPr>
          <p:cNvSpPr>
            <a:spLocks noGrp="1"/>
          </p:cNvSpPr>
          <p:nvPr>
            <p:ph type="sldNum" sz="quarter" idx="21"/>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4008471830"/>
      </p:ext>
    </p:extLst>
  </p:cSld>
  <p:clrMapOvr>
    <a:masterClrMapping/>
  </p:clrMapOvr>
  <p:extLst>
    <p:ext uri="{DCECCB84-F9BA-43D5-87BE-67443E8EF086}">
      <p15:sldGuideLst xmlns:p15="http://schemas.microsoft.com/office/powerpoint/2012/main"/>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ekst og billede">
    <p:bg>
      <p:bgPr>
        <a:solidFill>
          <a:schemeClr val="bg2"/>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08E7F3D-6988-472F-B578-FE0BAAE4B34C}"/>
              </a:ext>
            </a:extLst>
          </p:cNvPr>
          <p:cNvSpPr>
            <a:spLocks noGrp="1"/>
          </p:cNvSpPr>
          <p:nvPr>
            <p:ph type="dt" sz="half" idx="15"/>
          </p:nvPr>
        </p:nvSpPr>
        <p:spPr>
          <a:xfrm>
            <a:off x="0" y="6858000"/>
            <a:ext cx="0" cy="0"/>
          </a:xfrm>
          <a:prstGeom prst="rect">
            <a:avLst/>
          </a:prstGeom>
        </p:spPr>
        <p:txBody>
          <a:bodyPr/>
          <a:lstStyle>
            <a:lvl1pPr>
              <a:defRPr>
                <a:noFill/>
              </a:defRPr>
            </a:lvl1pPr>
          </a:lstStyle>
          <a:p>
            <a:fld id="{BAF314EE-D22D-4B68-88BC-1C864E6C9CA0}" type="datetime2">
              <a:rPr lang="da-DK" smtClean="0"/>
              <a:pPr/>
              <a:t>11. september 2024</a:t>
            </a:fld>
            <a:endParaRPr lang="da-DK" dirty="0"/>
          </a:p>
        </p:txBody>
      </p:sp>
      <p:sp>
        <p:nvSpPr>
          <p:cNvPr id="5" name="Footer Placeholder 4" hidden="1">
            <a:extLst>
              <a:ext uri="{FF2B5EF4-FFF2-40B4-BE49-F238E27FC236}">
                <a16:creationId xmlns:a16="http://schemas.microsoft.com/office/drawing/2014/main" id="{DF791A6B-7868-4737-804A-79CD9B5E3561}"/>
              </a:ext>
            </a:extLst>
          </p:cNvPr>
          <p:cNvSpPr>
            <a:spLocks noGrp="1"/>
          </p:cNvSpPr>
          <p:nvPr>
            <p:ph type="ftr" sz="quarter" idx="16"/>
          </p:nvPr>
        </p:nvSpPr>
        <p:spPr>
          <a:xfrm>
            <a:off x="0" y="6858000"/>
            <a:ext cx="0" cy="0"/>
          </a:xfrm>
          <a:prstGeom prst="rect">
            <a:avLst/>
          </a:prstGeom>
        </p:spPr>
        <p:txBody>
          <a:bodyPr/>
          <a:lstStyle/>
          <a:p>
            <a:endParaRPr lang="da-DK" dirty="0"/>
          </a:p>
        </p:txBody>
      </p:sp>
      <p:sp>
        <p:nvSpPr>
          <p:cNvPr id="6" name="Slide Number Placeholder 5" hidden="1">
            <a:extLst>
              <a:ext uri="{FF2B5EF4-FFF2-40B4-BE49-F238E27FC236}">
                <a16:creationId xmlns:a16="http://schemas.microsoft.com/office/drawing/2014/main" id="{86E53573-69CA-45BB-8807-CD39F9E1E650}"/>
              </a:ext>
            </a:extLst>
          </p:cNvPr>
          <p:cNvSpPr>
            <a:spLocks noGrp="1"/>
          </p:cNvSpPr>
          <p:nvPr>
            <p:ph type="sldNum" sz="quarter" idx="17"/>
          </p:nvPr>
        </p:nvSpPr>
        <p:spPr>
          <a:xfrm>
            <a:off x="0" y="6858000"/>
            <a:ext cx="0" cy="0"/>
          </a:xfrm>
          <a:prstGeom prst="rect">
            <a:avLst/>
          </a:prstGeom>
        </p:spPr>
        <p:txBody>
          <a:bodyPr/>
          <a:lstStyle/>
          <a:p>
            <a:fld id="{24C8C45C-947F-4981-8B3F-4F32E973C901}" type="slidenum">
              <a:rPr lang="da-DK" smtClean="0"/>
              <a:pPr/>
              <a:t>‹#›</a:t>
            </a:fld>
            <a:endParaRPr lang="da-DK" dirty="0"/>
          </a:p>
        </p:txBody>
      </p:sp>
      <p:sp>
        <p:nvSpPr>
          <p:cNvPr id="25" name="billedepladsholder">
            <a:extLst>
              <a:ext uri="{FF2B5EF4-FFF2-40B4-BE49-F238E27FC236}">
                <a16:creationId xmlns:a16="http://schemas.microsoft.com/office/drawing/2014/main" id="{7CA19038-2793-B869-1B2D-AF849E91B08B}"/>
              </a:ext>
            </a:extLst>
          </p:cNvPr>
          <p:cNvSpPr>
            <a:spLocks noGrp="1"/>
          </p:cNvSpPr>
          <p:nvPr>
            <p:ph type="pic" sz="quarter" idx="14" hasCustomPrompt="1"/>
          </p:nvPr>
        </p:nvSpPr>
        <p:spPr>
          <a:xfrm>
            <a:off x="6224588" y="0"/>
            <a:ext cx="5967412" cy="6858000"/>
          </a:xfrm>
          <a:custGeom>
            <a:avLst/>
            <a:gdLst>
              <a:gd name="connsiteX0" fmla="*/ 536769 w 5967412"/>
              <a:gd name="connsiteY0" fmla="*/ 0 h 6858000"/>
              <a:gd name="connsiteX1" fmla="*/ 4630225 w 5967412"/>
              <a:gd name="connsiteY1" fmla="*/ 0 h 6858000"/>
              <a:gd name="connsiteX2" fmla="*/ 5430643 w 5967412"/>
              <a:gd name="connsiteY2" fmla="*/ 0 h 6858000"/>
              <a:gd name="connsiteX3" fmla="*/ 5967412 w 5967412"/>
              <a:gd name="connsiteY3" fmla="*/ 0 h 6858000"/>
              <a:gd name="connsiteX4" fmla="*/ 5967412 w 5967412"/>
              <a:gd name="connsiteY4" fmla="*/ 536769 h 6858000"/>
              <a:gd name="connsiteX5" fmla="*/ 5967412 w 5967412"/>
              <a:gd name="connsiteY5" fmla="*/ 1543665 h 6858000"/>
              <a:gd name="connsiteX6" fmla="*/ 5967412 w 5967412"/>
              <a:gd name="connsiteY6" fmla="*/ 5314335 h 6858000"/>
              <a:gd name="connsiteX7" fmla="*/ 5967412 w 5967412"/>
              <a:gd name="connsiteY7" fmla="*/ 6321231 h 6858000"/>
              <a:gd name="connsiteX8" fmla="*/ 5967412 w 5967412"/>
              <a:gd name="connsiteY8" fmla="*/ 6858000 h 6858000"/>
              <a:gd name="connsiteX9" fmla="*/ 5430643 w 5967412"/>
              <a:gd name="connsiteY9" fmla="*/ 6858000 h 6858000"/>
              <a:gd name="connsiteX10" fmla="*/ 4630225 w 5967412"/>
              <a:gd name="connsiteY10" fmla="*/ 6858000 h 6858000"/>
              <a:gd name="connsiteX11" fmla="*/ 1337187 w 5967412"/>
              <a:gd name="connsiteY11" fmla="*/ 6858000 h 6858000"/>
              <a:gd name="connsiteX12" fmla="*/ 536769 w 5967412"/>
              <a:gd name="connsiteY12" fmla="*/ 6858000 h 6858000"/>
              <a:gd name="connsiteX13" fmla="*/ 0 w 5967412"/>
              <a:gd name="connsiteY13" fmla="*/ 6858000 h 6858000"/>
              <a:gd name="connsiteX14" fmla="*/ 0 w 5967412"/>
              <a:gd name="connsiteY14" fmla="*/ 6321231 h 6858000"/>
              <a:gd name="connsiteX15" fmla="*/ 0 w 5967412"/>
              <a:gd name="connsiteY15" fmla="*/ 5314335 h 6858000"/>
              <a:gd name="connsiteX16" fmla="*/ 0 w 5967412"/>
              <a:gd name="connsiteY16" fmla="*/ 536769 h 6858000"/>
              <a:gd name="connsiteX17" fmla="*/ 536769 w 5967412"/>
              <a:gd name="connsiteY17"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5967412" h="6858000">
                <a:moveTo>
                  <a:pt x="536769" y="0"/>
                </a:moveTo>
                <a:lnTo>
                  <a:pt x="4630225" y="0"/>
                </a:lnTo>
                <a:lnTo>
                  <a:pt x="5430643" y="0"/>
                </a:lnTo>
                <a:lnTo>
                  <a:pt x="5967412" y="0"/>
                </a:lnTo>
                <a:lnTo>
                  <a:pt x="5967412" y="536769"/>
                </a:lnTo>
                <a:lnTo>
                  <a:pt x="5967412" y="1543665"/>
                </a:lnTo>
                <a:lnTo>
                  <a:pt x="5967412" y="5314335"/>
                </a:lnTo>
                <a:lnTo>
                  <a:pt x="5967412" y="6321231"/>
                </a:lnTo>
                <a:lnTo>
                  <a:pt x="5967412" y="6858000"/>
                </a:lnTo>
                <a:lnTo>
                  <a:pt x="5430643" y="6858000"/>
                </a:lnTo>
                <a:lnTo>
                  <a:pt x="4630225" y="6858000"/>
                </a:lnTo>
                <a:lnTo>
                  <a:pt x="1337187" y="6858000"/>
                </a:lnTo>
                <a:lnTo>
                  <a:pt x="536769" y="6858000"/>
                </a:lnTo>
                <a:lnTo>
                  <a:pt x="0" y="6858000"/>
                </a:lnTo>
                <a:lnTo>
                  <a:pt x="0" y="6321231"/>
                </a:lnTo>
                <a:lnTo>
                  <a:pt x="0" y="5314335"/>
                </a:lnTo>
                <a:lnTo>
                  <a:pt x="0" y="536769"/>
                </a:lnTo>
                <a:cubicBezTo>
                  <a:pt x="0" y="240320"/>
                  <a:pt x="240320" y="0"/>
                  <a:pt x="536769"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8000" y="648000"/>
            <a:ext cx="5317825" cy="532800"/>
          </a:xfrm>
        </p:spPr>
        <p:txBody>
          <a:bodyPr/>
          <a:lstStyle>
            <a:lvl1pPr>
              <a:defRPr/>
            </a:lvl1pPr>
          </a:lstStyle>
          <a:p>
            <a:r>
              <a:rPr lang="da-DK" dirty="0"/>
              <a:t>Klik og indsæt overskrift</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8000" y="1184400"/>
            <a:ext cx="5317825"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11" name="Content Placeholder 2">
            <a:extLst>
              <a:ext uri="{FF2B5EF4-FFF2-40B4-BE49-F238E27FC236}">
                <a16:creationId xmlns:a16="http://schemas.microsoft.com/office/drawing/2014/main" id="{03B4B108-24DD-CD8F-F1E3-5DD98AA90CC7}"/>
              </a:ext>
            </a:extLst>
          </p:cNvPr>
          <p:cNvSpPr>
            <a:spLocks noGrp="1"/>
          </p:cNvSpPr>
          <p:nvPr>
            <p:ph idx="1" hasCustomPrompt="1"/>
          </p:nvPr>
        </p:nvSpPr>
        <p:spPr>
          <a:xfrm>
            <a:off x="648000" y="1944000"/>
            <a:ext cx="5317825" cy="40068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Tree>
    <p:extLst>
      <p:ext uri="{BB962C8B-B14F-4D97-AF65-F5344CB8AC3E}">
        <p14:creationId xmlns:p14="http://schemas.microsoft.com/office/powerpoint/2010/main" val="1997695520"/>
      </p:ext>
    </p:extLst>
  </p:cSld>
  <p:clrMapOvr>
    <a:masterClrMapping/>
  </p:clrMapOvr>
  <p:hf sldNum="0" hdr="0" ftr="0" dt="0"/>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Billede og tekst">
    <p:bg>
      <p:bgPr>
        <a:solidFill>
          <a:schemeClr val="bg2"/>
        </a:solidFill>
        <a:effectLst/>
      </p:bgPr>
    </p:bg>
    <p:spTree>
      <p:nvGrpSpPr>
        <p:cNvPr id="1" name=""/>
        <p:cNvGrpSpPr/>
        <p:nvPr/>
      </p:nvGrpSpPr>
      <p:grpSpPr>
        <a:xfrm>
          <a:off x="0" y="0"/>
          <a:ext cx="0" cy="0"/>
          <a:chOff x="0" y="0"/>
          <a:chExt cx="0" cy="0"/>
        </a:xfrm>
      </p:grpSpPr>
      <p:sp>
        <p:nvSpPr>
          <p:cNvPr id="37" name="Pladsholder til billede 36">
            <a:extLst>
              <a:ext uri="{FF2B5EF4-FFF2-40B4-BE49-F238E27FC236}">
                <a16:creationId xmlns:a16="http://schemas.microsoft.com/office/drawing/2014/main" id="{9C188D91-FF1D-2905-6219-3579B19752D7}"/>
              </a:ext>
            </a:extLst>
          </p:cNvPr>
          <p:cNvSpPr>
            <a:spLocks noGrp="1"/>
          </p:cNvSpPr>
          <p:nvPr>
            <p:ph type="pic" sz="quarter" idx="14" hasCustomPrompt="1"/>
          </p:nvPr>
        </p:nvSpPr>
        <p:spPr>
          <a:xfrm>
            <a:off x="388800" y="1943100"/>
            <a:ext cx="5577025" cy="4006850"/>
          </a:xfrm>
          <a:custGeom>
            <a:avLst/>
            <a:gdLst>
              <a:gd name="connsiteX0" fmla="*/ 539162 w 5577025"/>
              <a:gd name="connsiteY0" fmla="*/ 0 h 4006850"/>
              <a:gd name="connsiteX1" fmla="*/ 4721618 w 5577025"/>
              <a:gd name="connsiteY1" fmla="*/ 0 h 4006850"/>
              <a:gd name="connsiteX2" fmla="*/ 5037863 w 5577025"/>
              <a:gd name="connsiteY2" fmla="*/ 0 h 4006850"/>
              <a:gd name="connsiteX3" fmla="*/ 5577025 w 5577025"/>
              <a:gd name="connsiteY3" fmla="*/ 0 h 4006850"/>
              <a:gd name="connsiteX4" fmla="*/ 5577025 w 5577025"/>
              <a:gd name="connsiteY4" fmla="*/ 539162 h 4006850"/>
              <a:gd name="connsiteX5" fmla="*/ 5577025 w 5577025"/>
              <a:gd name="connsiteY5" fmla="*/ 1042220 h 4006850"/>
              <a:gd name="connsiteX6" fmla="*/ 5577025 w 5577025"/>
              <a:gd name="connsiteY6" fmla="*/ 3467688 h 4006850"/>
              <a:gd name="connsiteX7" fmla="*/ 5037863 w 5577025"/>
              <a:gd name="connsiteY7" fmla="*/ 4006850 h 4006850"/>
              <a:gd name="connsiteX8" fmla="*/ 539162 w 5577025"/>
              <a:gd name="connsiteY8" fmla="*/ 4006850 h 4006850"/>
              <a:gd name="connsiteX9" fmla="*/ 0 w 5577025"/>
              <a:gd name="connsiteY9" fmla="*/ 3467688 h 4006850"/>
              <a:gd name="connsiteX10" fmla="*/ 0 w 5577025"/>
              <a:gd name="connsiteY10" fmla="*/ 539162 h 4006850"/>
              <a:gd name="connsiteX11" fmla="*/ 539162 w 5577025"/>
              <a:gd name="connsiteY11" fmla="*/ 0 h 4006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577025" h="4006850">
                <a:moveTo>
                  <a:pt x="539162" y="0"/>
                </a:moveTo>
                <a:lnTo>
                  <a:pt x="4721618" y="0"/>
                </a:lnTo>
                <a:lnTo>
                  <a:pt x="5037863" y="0"/>
                </a:lnTo>
                <a:lnTo>
                  <a:pt x="5577025" y="0"/>
                </a:lnTo>
                <a:lnTo>
                  <a:pt x="5577025" y="539162"/>
                </a:lnTo>
                <a:lnTo>
                  <a:pt x="5577025" y="1042220"/>
                </a:lnTo>
                <a:lnTo>
                  <a:pt x="5577025" y="3467688"/>
                </a:lnTo>
                <a:cubicBezTo>
                  <a:pt x="5577025" y="3765459"/>
                  <a:pt x="5335634" y="4006850"/>
                  <a:pt x="5037863" y="4006850"/>
                </a:cubicBezTo>
                <a:lnTo>
                  <a:pt x="539162" y="4006850"/>
                </a:lnTo>
                <a:cubicBezTo>
                  <a:pt x="241391" y="4006850"/>
                  <a:pt x="0" y="3765459"/>
                  <a:pt x="0" y="3467688"/>
                </a:cubicBezTo>
                <a:lnTo>
                  <a:pt x="0" y="539162"/>
                </a:lnTo>
                <a:cubicBezTo>
                  <a:pt x="0" y="241391"/>
                  <a:pt x="241391" y="0"/>
                  <a:pt x="539162"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7999" y="648000"/>
            <a:ext cx="10897200" cy="532800"/>
          </a:xfrm>
        </p:spPr>
        <p:txBody>
          <a:bodyPr/>
          <a:lstStyle>
            <a:lvl1pPr>
              <a:defRPr/>
            </a:lvl1pPr>
          </a:lstStyle>
          <a:p>
            <a:r>
              <a:rPr lang="da-DK" dirty="0"/>
              <a:t>Klik for at indsætte overskrift – max. en linje</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7999"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11" name="Content Placeholder 2">
            <a:extLst>
              <a:ext uri="{FF2B5EF4-FFF2-40B4-BE49-F238E27FC236}">
                <a16:creationId xmlns:a16="http://schemas.microsoft.com/office/drawing/2014/main" id="{03B4B108-24DD-CD8F-F1E3-5DD98AA90CC7}"/>
              </a:ext>
            </a:extLst>
          </p:cNvPr>
          <p:cNvSpPr>
            <a:spLocks noGrp="1"/>
          </p:cNvSpPr>
          <p:nvPr>
            <p:ph idx="1" hasCustomPrompt="1"/>
          </p:nvPr>
        </p:nvSpPr>
        <p:spPr>
          <a:xfrm>
            <a:off x="6598800" y="1944000"/>
            <a:ext cx="4273988" cy="400680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2" name="Pladsholder til dato 1" hidden="1">
            <a:extLst>
              <a:ext uri="{FF2B5EF4-FFF2-40B4-BE49-F238E27FC236}">
                <a16:creationId xmlns:a16="http://schemas.microsoft.com/office/drawing/2014/main" id="{3116D7F8-371E-BAC5-AA3C-30B6C9BEC43D}"/>
              </a:ext>
            </a:extLst>
          </p:cNvPr>
          <p:cNvSpPr>
            <a:spLocks noGrp="1"/>
          </p:cNvSpPr>
          <p:nvPr>
            <p:ph type="dt" sz="half" idx="15"/>
          </p:nvPr>
        </p:nvSpPr>
        <p:spPr/>
        <p:txBody>
          <a:bodyPr/>
          <a:lstStyle/>
          <a:p>
            <a:fld id="{69553A9A-4FDE-4AFF-BBDD-2A95AC629A2C}" type="datetime2">
              <a:rPr lang="da-DK" smtClean="0"/>
              <a:t>11. september 2024</a:t>
            </a:fld>
            <a:endParaRPr lang="da-DK" dirty="0"/>
          </a:p>
        </p:txBody>
      </p:sp>
      <p:sp>
        <p:nvSpPr>
          <p:cNvPr id="3" name="Pladsholder til sidefod 2" hidden="1">
            <a:extLst>
              <a:ext uri="{FF2B5EF4-FFF2-40B4-BE49-F238E27FC236}">
                <a16:creationId xmlns:a16="http://schemas.microsoft.com/office/drawing/2014/main" id="{AB28B257-41B5-D8E1-F7B3-C4AB20920F46}"/>
              </a:ext>
            </a:extLst>
          </p:cNvPr>
          <p:cNvSpPr>
            <a:spLocks noGrp="1"/>
          </p:cNvSpPr>
          <p:nvPr>
            <p:ph type="ftr" sz="quarter" idx="16"/>
          </p:nvPr>
        </p:nvSpPr>
        <p:spPr/>
        <p:txBody>
          <a:bodyPr/>
          <a:lstStyle/>
          <a:p>
            <a:endParaRPr lang="da-DK" dirty="0"/>
          </a:p>
        </p:txBody>
      </p:sp>
      <p:sp>
        <p:nvSpPr>
          <p:cNvPr id="7" name="Pladsholder til slidenummer 6" hidden="1">
            <a:extLst>
              <a:ext uri="{FF2B5EF4-FFF2-40B4-BE49-F238E27FC236}">
                <a16:creationId xmlns:a16="http://schemas.microsoft.com/office/drawing/2014/main" id="{3DBC7F08-6300-292B-BD7A-762726465430}"/>
              </a:ext>
            </a:extLst>
          </p:cNvPr>
          <p:cNvSpPr>
            <a:spLocks noGrp="1"/>
          </p:cNvSpPr>
          <p:nvPr>
            <p:ph type="sldNum" sz="quarter" idx="17"/>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349176339"/>
      </p:ext>
    </p:extLst>
  </p:cSld>
  <p:clrMapOvr>
    <a:masterClrMapping/>
  </p:clrMapOvr>
  <p:extLst>
    <p:ext uri="{DCECCB84-F9BA-43D5-87BE-67443E8EF086}">
      <p15:sldGuideLst xmlns:p15="http://schemas.microsoft.com/office/powerpoint/2012/main"/>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Citat">
    <p:bg>
      <p:bgPr>
        <a:solidFill>
          <a:schemeClr val="bg2"/>
        </a:solidFill>
        <a:effectLst/>
      </p:bgPr>
    </p:bg>
    <p:spTree>
      <p:nvGrpSpPr>
        <p:cNvPr id="1" name=""/>
        <p:cNvGrpSpPr/>
        <p:nvPr/>
      </p:nvGrpSpPr>
      <p:grpSpPr>
        <a:xfrm>
          <a:off x="0" y="0"/>
          <a:ext cx="0" cy="0"/>
          <a:chOff x="0" y="0"/>
          <a:chExt cx="0" cy="0"/>
        </a:xfrm>
      </p:grpSpPr>
      <p:sp>
        <p:nvSpPr>
          <p:cNvPr id="37" name="Pladsholder til billede 36">
            <a:extLst>
              <a:ext uri="{FF2B5EF4-FFF2-40B4-BE49-F238E27FC236}">
                <a16:creationId xmlns:a16="http://schemas.microsoft.com/office/drawing/2014/main" id="{9C188D91-FF1D-2905-6219-3579B19752D7}"/>
              </a:ext>
            </a:extLst>
          </p:cNvPr>
          <p:cNvSpPr>
            <a:spLocks noGrp="1"/>
          </p:cNvSpPr>
          <p:nvPr>
            <p:ph type="pic" sz="quarter" idx="14" hasCustomPrompt="1"/>
          </p:nvPr>
        </p:nvSpPr>
        <p:spPr>
          <a:xfrm>
            <a:off x="388800" y="1943100"/>
            <a:ext cx="5577025" cy="4006850"/>
          </a:xfrm>
          <a:custGeom>
            <a:avLst/>
            <a:gdLst>
              <a:gd name="connsiteX0" fmla="*/ 539162 w 5577025"/>
              <a:gd name="connsiteY0" fmla="*/ 0 h 4006850"/>
              <a:gd name="connsiteX1" fmla="*/ 4721618 w 5577025"/>
              <a:gd name="connsiteY1" fmla="*/ 0 h 4006850"/>
              <a:gd name="connsiteX2" fmla="*/ 5037863 w 5577025"/>
              <a:gd name="connsiteY2" fmla="*/ 0 h 4006850"/>
              <a:gd name="connsiteX3" fmla="*/ 5577025 w 5577025"/>
              <a:gd name="connsiteY3" fmla="*/ 0 h 4006850"/>
              <a:gd name="connsiteX4" fmla="*/ 5577025 w 5577025"/>
              <a:gd name="connsiteY4" fmla="*/ 539162 h 4006850"/>
              <a:gd name="connsiteX5" fmla="*/ 5577025 w 5577025"/>
              <a:gd name="connsiteY5" fmla="*/ 1042220 h 4006850"/>
              <a:gd name="connsiteX6" fmla="*/ 5577025 w 5577025"/>
              <a:gd name="connsiteY6" fmla="*/ 3467688 h 4006850"/>
              <a:gd name="connsiteX7" fmla="*/ 5037863 w 5577025"/>
              <a:gd name="connsiteY7" fmla="*/ 4006850 h 4006850"/>
              <a:gd name="connsiteX8" fmla="*/ 539162 w 5577025"/>
              <a:gd name="connsiteY8" fmla="*/ 4006850 h 4006850"/>
              <a:gd name="connsiteX9" fmla="*/ 0 w 5577025"/>
              <a:gd name="connsiteY9" fmla="*/ 3467688 h 4006850"/>
              <a:gd name="connsiteX10" fmla="*/ 0 w 5577025"/>
              <a:gd name="connsiteY10" fmla="*/ 539162 h 4006850"/>
              <a:gd name="connsiteX11" fmla="*/ 539162 w 5577025"/>
              <a:gd name="connsiteY11" fmla="*/ 0 h 4006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577025" h="4006850">
                <a:moveTo>
                  <a:pt x="539162" y="0"/>
                </a:moveTo>
                <a:lnTo>
                  <a:pt x="4721618" y="0"/>
                </a:lnTo>
                <a:lnTo>
                  <a:pt x="5037863" y="0"/>
                </a:lnTo>
                <a:lnTo>
                  <a:pt x="5577025" y="0"/>
                </a:lnTo>
                <a:lnTo>
                  <a:pt x="5577025" y="539162"/>
                </a:lnTo>
                <a:lnTo>
                  <a:pt x="5577025" y="1042220"/>
                </a:lnTo>
                <a:lnTo>
                  <a:pt x="5577025" y="3467688"/>
                </a:lnTo>
                <a:cubicBezTo>
                  <a:pt x="5577025" y="3765459"/>
                  <a:pt x="5335634" y="4006850"/>
                  <a:pt x="5037863" y="4006850"/>
                </a:cubicBezTo>
                <a:lnTo>
                  <a:pt x="539162" y="4006850"/>
                </a:lnTo>
                <a:cubicBezTo>
                  <a:pt x="241391" y="4006850"/>
                  <a:pt x="0" y="3765459"/>
                  <a:pt x="0" y="3467688"/>
                </a:cubicBezTo>
                <a:lnTo>
                  <a:pt x="0" y="539162"/>
                </a:lnTo>
                <a:cubicBezTo>
                  <a:pt x="0" y="241391"/>
                  <a:pt x="241391" y="0"/>
                  <a:pt x="539162"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7999" y="648000"/>
            <a:ext cx="10897200" cy="532800"/>
          </a:xfrm>
        </p:spPr>
        <p:txBody>
          <a:bodyPr/>
          <a:lstStyle>
            <a:lvl1pPr>
              <a:defRPr/>
            </a:lvl1pPr>
          </a:lstStyle>
          <a:p>
            <a:r>
              <a:rPr lang="da-DK" dirty="0"/>
              <a:t>Klik for at indsætte overskrift – max. en linje</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7999"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Pladsholder til tekst 2">
            <a:extLst>
              <a:ext uri="{FF2B5EF4-FFF2-40B4-BE49-F238E27FC236}">
                <a16:creationId xmlns:a16="http://schemas.microsoft.com/office/drawing/2014/main" id="{4E8C1449-912A-DDBD-F3F4-19A43447E259}"/>
              </a:ext>
            </a:extLst>
          </p:cNvPr>
          <p:cNvSpPr>
            <a:spLocks noGrp="1"/>
          </p:cNvSpPr>
          <p:nvPr>
            <p:ph type="body" sz="quarter" idx="18" hasCustomPrompt="1"/>
          </p:nvPr>
        </p:nvSpPr>
        <p:spPr>
          <a:xfrm>
            <a:off x="6616700" y="1943100"/>
            <a:ext cx="4256088" cy="4006850"/>
          </a:xfrm>
        </p:spPr>
        <p:txBody>
          <a:bodyPr/>
          <a:lstStyle>
            <a:lvl1pPr marL="0" indent="72000">
              <a:buFont typeface="DI Sans Office" panose="00000500000000000000" charset="0"/>
              <a:buChar char="“"/>
              <a:defRPr/>
            </a:lvl1pPr>
            <a:lvl2pPr marL="0" indent="0">
              <a:spcBef>
                <a:spcPts val="1200"/>
              </a:spcBef>
              <a:spcAft>
                <a:spcPts val="0"/>
              </a:spcAft>
              <a:buFont typeface="Arial" panose="020B0604020202020204" pitchFamily="34" charset="0"/>
              <a:buChar char="​"/>
              <a:defRPr b="1"/>
            </a:lvl2pPr>
            <a:lvl3pPr marL="0" indent="0">
              <a:spcAft>
                <a:spcPts val="600"/>
              </a:spcAft>
              <a:buFont typeface="Arial" panose="020B0604020202020204" pitchFamily="34" charset="0"/>
              <a:buChar char="​"/>
              <a:defRPr b="0"/>
            </a:lvl3pPr>
            <a:lvl4pPr>
              <a:spcAft>
                <a:spcPts val="600"/>
              </a:spcAft>
              <a:defRPr b="0"/>
            </a:lvl4pPr>
            <a:lvl5pPr>
              <a:spcAft>
                <a:spcPts val="600"/>
              </a:spcAft>
              <a:defRPr b="0"/>
            </a:lvl5pPr>
            <a:lvl6pPr marL="0" indent="0">
              <a:lnSpc>
                <a:spcPct val="93000"/>
              </a:lnSpc>
              <a:spcAft>
                <a:spcPts val="600"/>
              </a:spcAft>
              <a:buFont typeface="Arial" panose="020B0604020202020204" pitchFamily="34" charset="0"/>
              <a:buNone/>
              <a:defRPr sz="2000" b="0"/>
            </a:lvl6pPr>
            <a:lvl7pPr marL="0" indent="0">
              <a:lnSpc>
                <a:spcPct val="93000"/>
              </a:lnSpc>
              <a:spcAft>
                <a:spcPts val="600"/>
              </a:spcAft>
              <a:buFont typeface="Arial" panose="020B0604020202020204" pitchFamily="34" charset="0"/>
              <a:buChar char="​"/>
              <a:defRPr sz="2000" b="0"/>
            </a:lvl7pPr>
            <a:lvl8pPr marL="0" indent="0">
              <a:lnSpc>
                <a:spcPct val="93000"/>
              </a:lnSpc>
              <a:spcAft>
                <a:spcPts val="600"/>
              </a:spcAft>
              <a:buFont typeface="Arial" panose="020B0604020202020204" pitchFamily="34" charset="0"/>
              <a:buChar char="​"/>
              <a:defRPr sz="2000" b="0"/>
            </a:lvl8pPr>
            <a:lvl9pPr marL="0" indent="0">
              <a:lnSpc>
                <a:spcPct val="93000"/>
              </a:lnSpc>
              <a:spcAft>
                <a:spcPts val="600"/>
              </a:spcAft>
              <a:buFont typeface="Arial" panose="020B0604020202020204" pitchFamily="34" charset="0"/>
              <a:buChar char="​"/>
              <a:defRPr sz="2000" b="0"/>
            </a:lvl9pPr>
          </a:lstStyle>
          <a:p>
            <a:pPr lvl="0"/>
            <a:r>
              <a:rPr lang="da-DK" dirty="0"/>
              <a:t>Klik for at indsætte citat tekst evt. fremhæv med fed.                                    Klik ENTER derefter TAB for at indsætte: Navn og efternavn                                     Klik ENTER derefter TAB for at indsætte: Titel, virksomhed i korrekt tekst style</a:t>
            </a:r>
          </a:p>
          <a:p>
            <a:pPr lvl="1"/>
            <a:r>
              <a:rPr lang="da-DK" dirty="0"/>
              <a:t>Andet niveau</a:t>
            </a:r>
          </a:p>
          <a:p>
            <a:pPr lvl="2"/>
            <a:r>
              <a:rPr lang="da-DK" dirty="0"/>
              <a:t>Tredje niveau</a:t>
            </a:r>
          </a:p>
          <a:p>
            <a:pPr lvl="3"/>
            <a:r>
              <a:rPr lang="da-DK" dirty="0"/>
              <a:t>Fjerde niveau</a:t>
            </a:r>
          </a:p>
          <a:p>
            <a:pPr lvl="4"/>
            <a:r>
              <a:rPr lang="da-DK" dirty="0"/>
              <a:t>Femte niveau</a:t>
            </a:r>
          </a:p>
          <a:p>
            <a:pPr lvl="5"/>
            <a:endParaRPr lang="da-DK" dirty="0"/>
          </a:p>
        </p:txBody>
      </p:sp>
      <p:sp>
        <p:nvSpPr>
          <p:cNvPr id="13" name="Kombinationstegning: figur 12">
            <a:extLst>
              <a:ext uri="{FF2B5EF4-FFF2-40B4-BE49-F238E27FC236}">
                <a16:creationId xmlns:a16="http://schemas.microsoft.com/office/drawing/2014/main" id="{A8EEF8A6-EC59-B3AF-D544-0215FD9BB2F1}"/>
              </a:ext>
            </a:extLst>
          </p:cNvPr>
          <p:cNvSpPr/>
          <p:nvPr userDrawn="1"/>
        </p:nvSpPr>
        <p:spPr>
          <a:xfrm>
            <a:off x="11028218" y="1575666"/>
            <a:ext cx="514495" cy="507039"/>
          </a:xfrm>
          <a:custGeom>
            <a:avLst/>
            <a:gdLst>
              <a:gd name="connsiteX0" fmla="*/ 179948 w 514495"/>
              <a:gd name="connsiteY0" fmla="*/ 0 h 507039"/>
              <a:gd name="connsiteX1" fmla="*/ 334547 w 514495"/>
              <a:gd name="connsiteY1" fmla="*/ 0 h 507039"/>
              <a:gd name="connsiteX2" fmla="*/ 514495 w 514495"/>
              <a:gd name="connsiteY2" fmla="*/ 179948 h 507039"/>
              <a:gd name="connsiteX3" fmla="*/ 514495 w 514495"/>
              <a:gd name="connsiteY3" fmla="*/ 327091 h 507039"/>
              <a:gd name="connsiteX4" fmla="*/ 334547 w 514495"/>
              <a:gd name="connsiteY4" fmla="*/ 507039 h 507039"/>
              <a:gd name="connsiteX5" fmla="*/ 180110 w 514495"/>
              <a:gd name="connsiteY5" fmla="*/ 507039 h 507039"/>
              <a:gd name="connsiteX6" fmla="*/ 179948 w 514495"/>
              <a:gd name="connsiteY6" fmla="*/ 507039 h 507039"/>
              <a:gd name="connsiteX7" fmla="*/ 0 w 514495"/>
              <a:gd name="connsiteY7" fmla="*/ 507039 h 507039"/>
              <a:gd name="connsiteX8" fmla="*/ 0 w 514495"/>
              <a:gd name="connsiteY8" fmla="*/ 327091 h 507039"/>
              <a:gd name="connsiteX9" fmla="*/ 0 w 514495"/>
              <a:gd name="connsiteY9" fmla="*/ 286906 h 507039"/>
              <a:gd name="connsiteX10" fmla="*/ 0 w 514495"/>
              <a:gd name="connsiteY10" fmla="*/ 179948 h 507039"/>
              <a:gd name="connsiteX11" fmla="*/ 179948 w 514495"/>
              <a:gd name="connsiteY11" fmla="*/ 0 h 507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495" h="507039">
                <a:moveTo>
                  <a:pt x="179948" y="0"/>
                </a:moveTo>
                <a:lnTo>
                  <a:pt x="334547" y="0"/>
                </a:lnTo>
                <a:cubicBezTo>
                  <a:pt x="433930" y="0"/>
                  <a:pt x="514495" y="80565"/>
                  <a:pt x="514495" y="179948"/>
                </a:cubicBezTo>
                <a:lnTo>
                  <a:pt x="514495" y="327091"/>
                </a:lnTo>
                <a:cubicBezTo>
                  <a:pt x="514495" y="426474"/>
                  <a:pt x="433930" y="507039"/>
                  <a:pt x="334547" y="507039"/>
                </a:cubicBezTo>
                <a:lnTo>
                  <a:pt x="180110" y="507039"/>
                </a:lnTo>
                <a:lnTo>
                  <a:pt x="179948" y="507039"/>
                </a:lnTo>
                <a:lnTo>
                  <a:pt x="0" y="507039"/>
                </a:lnTo>
                <a:lnTo>
                  <a:pt x="0" y="327091"/>
                </a:lnTo>
                <a:lnTo>
                  <a:pt x="0" y="286906"/>
                </a:lnTo>
                <a:lnTo>
                  <a:pt x="0" y="179948"/>
                </a:lnTo>
                <a:cubicBezTo>
                  <a:pt x="0" y="80565"/>
                  <a:pt x="80565" y="0"/>
                  <a:pt x="179948" y="0"/>
                </a:cubicBez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Pladsholder til dato 1" hidden="1">
            <a:extLst>
              <a:ext uri="{FF2B5EF4-FFF2-40B4-BE49-F238E27FC236}">
                <a16:creationId xmlns:a16="http://schemas.microsoft.com/office/drawing/2014/main" id="{BFDC3D11-79CB-0C48-FE68-624B121AA41D}"/>
              </a:ext>
            </a:extLst>
          </p:cNvPr>
          <p:cNvSpPr>
            <a:spLocks noGrp="1"/>
          </p:cNvSpPr>
          <p:nvPr>
            <p:ph type="dt" sz="half" idx="19"/>
          </p:nvPr>
        </p:nvSpPr>
        <p:spPr/>
        <p:txBody>
          <a:bodyPr/>
          <a:lstStyle/>
          <a:p>
            <a:fld id="{81ABCEC2-7CAF-45A6-BE9A-22E11AB63D46}" type="datetime2">
              <a:rPr lang="da-DK" smtClean="0"/>
              <a:t>11. september 2024</a:t>
            </a:fld>
            <a:endParaRPr lang="da-DK" dirty="0"/>
          </a:p>
        </p:txBody>
      </p:sp>
      <p:sp>
        <p:nvSpPr>
          <p:cNvPr id="7" name="Pladsholder til sidefod 6" hidden="1">
            <a:extLst>
              <a:ext uri="{FF2B5EF4-FFF2-40B4-BE49-F238E27FC236}">
                <a16:creationId xmlns:a16="http://schemas.microsoft.com/office/drawing/2014/main" id="{575B18B2-C530-84AC-1432-9272BE2CFD10}"/>
              </a:ext>
            </a:extLst>
          </p:cNvPr>
          <p:cNvSpPr>
            <a:spLocks noGrp="1"/>
          </p:cNvSpPr>
          <p:nvPr>
            <p:ph type="ftr" sz="quarter" idx="20"/>
          </p:nvPr>
        </p:nvSpPr>
        <p:spPr/>
        <p:txBody>
          <a:bodyPr/>
          <a:lstStyle/>
          <a:p>
            <a:endParaRPr lang="da-DK" dirty="0"/>
          </a:p>
        </p:txBody>
      </p:sp>
      <p:sp>
        <p:nvSpPr>
          <p:cNvPr id="8" name="Pladsholder til slidenummer 7" hidden="1">
            <a:extLst>
              <a:ext uri="{FF2B5EF4-FFF2-40B4-BE49-F238E27FC236}">
                <a16:creationId xmlns:a16="http://schemas.microsoft.com/office/drawing/2014/main" id="{B53BB447-77CB-50C1-6F19-B59DC751EA9C}"/>
              </a:ext>
            </a:extLst>
          </p:cNvPr>
          <p:cNvSpPr>
            <a:spLocks noGrp="1"/>
          </p:cNvSpPr>
          <p:nvPr>
            <p:ph type="sldNum" sz="quarter" idx="21"/>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99405775"/>
      </p:ext>
    </p:extLst>
  </p:cSld>
  <p:clrMapOvr>
    <a:masterClrMapping/>
  </p:clrMapOvr>
  <p:extLst>
    <p:ext uri="{DCECCB84-F9BA-43D5-87BE-67443E8EF086}">
      <p15:sldGuideLst xmlns:p15="http://schemas.microsoft.com/office/powerpoint/2012/main"/>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Rapport fem indhold">
    <p:bg>
      <p:bgPr>
        <a:solidFill>
          <a:schemeClr val="bg1"/>
        </a:solidFill>
        <a:effectLst/>
      </p:bgPr>
    </p:bg>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5F8B4114-3ED6-4DA2-8C83-C6DE1E45CC54}"/>
              </a:ext>
            </a:extLst>
          </p:cNvPr>
          <p:cNvSpPr>
            <a:spLocks noGrp="1"/>
          </p:cNvSpPr>
          <p:nvPr>
            <p:ph type="title" hasCustomPrompt="1"/>
          </p:nvPr>
        </p:nvSpPr>
        <p:spPr>
          <a:xfrm>
            <a:off x="648000" y="648000"/>
            <a:ext cx="3456000" cy="2518110"/>
          </a:xfrm>
        </p:spPr>
        <p:txBody>
          <a:bodyPr/>
          <a:lstStyle>
            <a:lvl1pPr>
              <a:defRPr sz="2400"/>
            </a:lvl1pPr>
          </a:lstStyle>
          <a:p>
            <a:r>
              <a:rPr lang="da-DK" dirty="0"/>
              <a:t>Klik for at indsætte overskrift</a:t>
            </a:r>
          </a:p>
        </p:txBody>
      </p:sp>
      <p:sp>
        <p:nvSpPr>
          <p:cNvPr id="3" name="Content Placeholder 2"/>
          <p:cNvSpPr>
            <a:spLocks noGrp="1"/>
          </p:cNvSpPr>
          <p:nvPr>
            <p:ph idx="1" hasCustomPrompt="1"/>
          </p:nvPr>
        </p:nvSpPr>
        <p:spPr>
          <a:xfrm>
            <a:off x="648000"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endParaRPr lang="da-DK" noProof="0"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66800" y="648000"/>
            <a:ext cx="3456000" cy="2520000"/>
          </a:xfrm>
        </p:spPr>
        <p:txBody>
          <a:bodyPr/>
          <a:lstStyle>
            <a:lvl1pPr>
              <a:defRPr sz="1600"/>
            </a:lvl1pPr>
            <a:lvl2pPr>
              <a:defRPr sz="1400"/>
            </a:lvl2pPr>
            <a:lvl3pPr>
              <a:defRPr sz="1200"/>
            </a:lvl3pPr>
            <a:lvl4pPr>
              <a:buNone/>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4366800"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8086713"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12" name="Content Placeholder 12">
            <a:extLst>
              <a:ext uri="{FF2B5EF4-FFF2-40B4-BE49-F238E27FC236}">
                <a16:creationId xmlns:a16="http://schemas.microsoft.com/office/drawing/2014/main" id="{1AF3818B-4AF4-2388-5354-2C14A825A1FB}"/>
              </a:ext>
            </a:extLst>
          </p:cNvPr>
          <p:cNvSpPr>
            <a:spLocks noGrp="1"/>
          </p:cNvSpPr>
          <p:nvPr>
            <p:ph sz="quarter" idx="18" hasCustomPrompt="1"/>
          </p:nvPr>
        </p:nvSpPr>
        <p:spPr>
          <a:xfrm>
            <a:off x="8086713" y="648000"/>
            <a:ext cx="3456000" cy="2520000"/>
          </a:xfrm>
        </p:spPr>
        <p:txBody>
          <a:bodyPr/>
          <a:lstStyle>
            <a:lvl1pPr marL="0" indent="0">
              <a:lnSpc>
                <a:spcPct val="87000"/>
              </a:lnSpc>
              <a:spcBef>
                <a:spcPts val="1200"/>
              </a:spcBef>
              <a:spcAft>
                <a:spcPts val="0"/>
              </a:spcAft>
              <a:buNone/>
              <a:defRPr sz="6000" b="0">
                <a:latin typeface="DI Numbers Office" pitchFamily="2" charset="0"/>
              </a:defRPr>
            </a:lvl1pPr>
            <a:lvl2pPr marL="0" indent="0">
              <a:lnSpc>
                <a:spcPct val="87000"/>
              </a:lnSpc>
              <a:spcBef>
                <a:spcPts val="1200"/>
              </a:spcBef>
              <a:spcAft>
                <a:spcPts val="0"/>
              </a:spcAft>
              <a:buNone/>
              <a:defRPr sz="6000" b="0">
                <a:latin typeface="DI Numbers Office" pitchFamily="2" charset="0"/>
              </a:defRPr>
            </a:lvl2pPr>
            <a:lvl3pPr marL="0" indent="0">
              <a:lnSpc>
                <a:spcPct val="87000"/>
              </a:lnSpc>
              <a:spcBef>
                <a:spcPts val="1200"/>
              </a:spcBef>
              <a:spcAft>
                <a:spcPts val="0"/>
              </a:spcAft>
              <a:buNone/>
              <a:defRPr sz="6000" b="0">
                <a:latin typeface="DI Numbers Office" pitchFamily="2" charset="0"/>
              </a:defRPr>
            </a:lvl3pPr>
            <a:lvl4pPr marL="0">
              <a:lnSpc>
                <a:spcPct val="87000"/>
              </a:lnSpc>
              <a:spcBef>
                <a:spcPts val="1200"/>
              </a:spcBef>
              <a:spcAft>
                <a:spcPts val="0"/>
              </a:spcAft>
              <a:buNone/>
              <a:defRPr sz="6000" b="0">
                <a:latin typeface="DI Numbers Office" pitchFamily="2" charset="0"/>
              </a:defRPr>
            </a:lvl4pPr>
            <a:lvl5pPr marL="0">
              <a:lnSpc>
                <a:spcPct val="87000"/>
              </a:lnSpc>
              <a:spcBef>
                <a:spcPts val="1200"/>
              </a:spcBef>
              <a:spcAft>
                <a:spcPts val="0"/>
              </a:spcAft>
              <a:buNone/>
              <a:defRPr sz="6000" b="0">
                <a:latin typeface="DI Numbers Office" pitchFamily="2" charset="0"/>
              </a:defRPr>
            </a:lvl5pPr>
            <a:lvl6pPr marL="0" indent="0">
              <a:lnSpc>
                <a:spcPct val="87000"/>
              </a:lnSpc>
              <a:spcBef>
                <a:spcPts val="1200"/>
              </a:spcBef>
              <a:spcAft>
                <a:spcPts val="0"/>
              </a:spcAft>
              <a:buNone/>
              <a:defRPr sz="6000" b="0">
                <a:latin typeface="DI Numbers Office" pitchFamily="2" charset="0"/>
              </a:defRPr>
            </a:lvl6pPr>
            <a:lvl7pPr marL="0">
              <a:lnSpc>
                <a:spcPct val="87000"/>
              </a:lnSpc>
              <a:spcBef>
                <a:spcPts val="1200"/>
              </a:spcBef>
              <a:spcAft>
                <a:spcPts val="0"/>
              </a:spcAft>
              <a:buNone/>
              <a:defRPr sz="6000" b="0">
                <a:latin typeface="DI Numbers Office" pitchFamily="2" charset="0"/>
              </a:defRPr>
            </a:lvl7pPr>
            <a:lvl8pPr marL="0">
              <a:lnSpc>
                <a:spcPct val="87000"/>
              </a:lnSpc>
              <a:spcBef>
                <a:spcPts val="1200"/>
              </a:spcBef>
              <a:spcAft>
                <a:spcPts val="0"/>
              </a:spcAft>
              <a:buNone/>
              <a:defRPr sz="6000" b="0">
                <a:latin typeface="DI Numbers Office" pitchFamily="2" charset="0"/>
              </a:defRPr>
            </a:lvl8pPr>
            <a:lvl9pPr marL="0">
              <a:lnSpc>
                <a:spcPct val="87000"/>
              </a:lnSpc>
              <a:spcBef>
                <a:spcPts val="1200"/>
              </a:spcBef>
              <a:spcAft>
                <a:spcPts val="0"/>
              </a:spcAft>
              <a:buNone/>
              <a:defRPr sz="6000" b="0">
                <a:latin typeface="DI Numbers Office" pitchFamily="2" charset="0"/>
              </a:defRPr>
            </a:lvl9pPr>
          </a:lstStyle>
          <a:p>
            <a:pPr lvl="0"/>
            <a:r>
              <a:rPr lang="da-DK" noProof="0" dirty="0"/>
              <a:t>Klik for at indsætte 123%</a:t>
            </a:r>
            <a:endParaRPr lang="da-DK" dirty="0"/>
          </a:p>
        </p:txBody>
      </p:sp>
      <p:sp>
        <p:nvSpPr>
          <p:cNvPr id="14" name="Text Placeholder note">
            <a:extLst>
              <a:ext uri="{FF2B5EF4-FFF2-40B4-BE49-F238E27FC236}">
                <a16:creationId xmlns:a16="http://schemas.microsoft.com/office/drawing/2014/main" id="{84B91D35-23CD-E42E-72A6-55B483D13D67}"/>
              </a:ext>
            </a:extLst>
          </p:cNvPr>
          <p:cNvSpPr>
            <a:spLocks noGrp="1"/>
          </p:cNvSpPr>
          <p:nvPr>
            <p:ph type="body" sz="quarter" idx="19"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2" name="Pladsholder til dato 1" hidden="1">
            <a:extLst>
              <a:ext uri="{FF2B5EF4-FFF2-40B4-BE49-F238E27FC236}">
                <a16:creationId xmlns:a16="http://schemas.microsoft.com/office/drawing/2014/main" id="{6D0FB33F-8C42-2D32-01E5-CA0AB0771641}"/>
              </a:ext>
            </a:extLst>
          </p:cNvPr>
          <p:cNvSpPr>
            <a:spLocks noGrp="1"/>
          </p:cNvSpPr>
          <p:nvPr>
            <p:ph type="dt" sz="half" idx="20"/>
          </p:nvPr>
        </p:nvSpPr>
        <p:spPr/>
        <p:txBody>
          <a:bodyPr/>
          <a:lstStyle/>
          <a:p>
            <a:fld id="{184108CF-F4BF-46AE-BE9E-23AF7477B31B}" type="datetime2">
              <a:rPr lang="da-DK" smtClean="0"/>
              <a:t>11. september 2024</a:t>
            </a:fld>
            <a:endParaRPr lang="da-DK" dirty="0"/>
          </a:p>
        </p:txBody>
      </p:sp>
      <p:sp>
        <p:nvSpPr>
          <p:cNvPr id="4" name="Pladsholder til sidefod 3" hidden="1">
            <a:extLst>
              <a:ext uri="{FF2B5EF4-FFF2-40B4-BE49-F238E27FC236}">
                <a16:creationId xmlns:a16="http://schemas.microsoft.com/office/drawing/2014/main" id="{6DB6BEE3-FFAD-B58E-EA0A-D24AD2AB39E1}"/>
              </a:ext>
            </a:extLst>
          </p:cNvPr>
          <p:cNvSpPr>
            <a:spLocks noGrp="1"/>
          </p:cNvSpPr>
          <p:nvPr>
            <p:ph type="ftr" sz="quarter" idx="21"/>
          </p:nvPr>
        </p:nvSpPr>
        <p:spPr/>
        <p:txBody>
          <a:bodyPr/>
          <a:lstStyle/>
          <a:p>
            <a:endParaRPr lang="da-DK" dirty="0"/>
          </a:p>
        </p:txBody>
      </p:sp>
      <p:sp>
        <p:nvSpPr>
          <p:cNvPr id="13" name="Pladsholder til slidenummer 12" hidden="1">
            <a:extLst>
              <a:ext uri="{FF2B5EF4-FFF2-40B4-BE49-F238E27FC236}">
                <a16:creationId xmlns:a16="http://schemas.microsoft.com/office/drawing/2014/main" id="{6C8A0763-32BF-111A-8FBC-C9676FCEDDE5}"/>
              </a:ext>
            </a:extLst>
          </p:cNvPr>
          <p:cNvSpPr>
            <a:spLocks noGrp="1"/>
          </p:cNvSpPr>
          <p:nvPr>
            <p:ph type="sldNum" sz="quarter" idx="2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72553140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2" orient="horz" pos="2159" userDrawn="1">
          <p15:clr>
            <a:srgbClr val="A4A3A4"/>
          </p15:clr>
        </p15:guide>
        <p15:guide id="3" orient="horz" pos="1996"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Rapport syv indho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648000" y="648000"/>
            <a:ext cx="2527200" cy="2520000"/>
          </a:xfrm>
        </p:spPr>
        <p:txBody>
          <a:bodyPr/>
          <a:lstStyle>
            <a:lvl1pPr>
              <a:defRPr sz="2400"/>
            </a:lvl1pPr>
          </a:lstStyle>
          <a:p>
            <a:r>
              <a:rPr lang="da-DK" dirty="0"/>
              <a:t>Klik for at indsætte overskrift</a:t>
            </a:r>
          </a:p>
        </p:txBody>
      </p:sp>
      <p:sp>
        <p:nvSpPr>
          <p:cNvPr id="3" name="Content Placeholder 2"/>
          <p:cNvSpPr>
            <a:spLocks noGrp="1"/>
          </p:cNvSpPr>
          <p:nvPr>
            <p:ph idx="1" hasCustomPrompt="1"/>
          </p:nvPr>
        </p:nvSpPr>
        <p:spPr>
          <a:xfrm>
            <a:off x="648000"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437597" y="6480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3437597"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29741" y="6480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2" name="Content Placeholder 12">
            <a:extLst>
              <a:ext uri="{FF2B5EF4-FFF2-40B4-BE49-F238E27FC236}">
                <a16:creationId xmlns:a16="http://schemas.microsoft.com/office/drawing/2014/main" id="{8FA2F1E0-918E-C691-0E61-C967C1BDB5A6}"/>
              </a:ext>
            </a:extLst>
          </p:cNvPr>
          <p:cNvSpPr>
            <a:spLocks noGrp="1"/>
          </p:cNvSpPr>
          <p:nvPr>
            <p:ph sz="quarter" idx="21" hasCustomPrompt="1"/>
          </p:nvPr>
        </p:nvSpPr>
        <p:spPr>
          <a:xfrm>
            <a:off x="9013825" y="648000"/>
            <a:ext cx="2528888" cy="2520000"/>
          </a:xfrm>
        </p:spPr>
        <p:txBody>
          <a:bodyPr/>
          <a:lstStyle>
            <a:lvl1pPr marL="0" indent="0">
              <a:lnSpc>
                <a:spcPct val="87000"/>
              </a:lnSpc>
              <a:spcBef>
                <a:spcPts val="1200"/>
              </a:spcBef>
              <a:spcAft>
                <a:spcPts val="0"/>
              </a:spcAft>
              <a:buNone/>
              <a:defRPr sz="6000" b="0">
                <a:latin typeface="DI Numbers Office" pitchFamily="2" charset="0"/>
              </a:defRPr>
            </a:lvl1pPr>
            <a:lvl2pPr marL="0" indent="0">
              <a:lnSpc>
                <a:spcPct val="87000"/>
              </a:lnSpc>
              <a:spcBef>
                <a:spcPts val="1200"/>
              </a:spcBef>
              <a:spcAft>
                <a:spcPts val="0"/>
              </a:spcAft>
              <a:buNone/>
              <a:defRPr sz="6000" b="0">
                <a:latin typeface="DI Numbers Office" pitchFamily="2" charset="0"/>
              </a:defRPr>
            </a:lvl2pPr>
            <a:lvl3pPr marL="0" indent="0">
              <a:lnSpc>
                <a:spcPct val="87000"/>
              </a:lnSpc>
              <a:spcBef>
                <a:spcPts val="1200"/>
              </a:spcBef>
              <a:spcAft>
                <a:spcPts val="0"/>
              </a:spcAft>
              <a:buNone/>
              <a:defRPr sz="6000" b="0">
                <a:latin typeface="DI Numbers Office" pitchFamily="2" charset="0"/>
              </a:defRPr>
            </a:lvl3pPr>
            <a:lvl4pPr marL="0">
              <a:lnSpc>
                <a:spcPct val="87000"/>
              </a:lnSpc>
              <a:spcBef>
                <a:spcPts val="1200"/>
              </a:spcBef>
              <a:spcAft>
                <a:spcPts val="0"/>
              </a:spcAft>
              <a:buNone/>
              <a:defRPr sz="6000" b="0">
                <a:latin typeface="DI Numbers Office" pitchFamily="2" charset="0"/>
              </a:defRPr>
            </a:lvl4pPr>
            <a:lvl5pPr marL="0">
              <a:lnSpc>
                <a:spcPct val="87000"/>
              </a:lnSpc>
              <a:spcBef>
                <a:spcPts val="1200"/>
              </a:spcBef>
              <a:spcAft>
                <a:spcPts val="0"/>
              </a:spcAft>
              <a:buNone/>
              <a:defRPr sz="6000" b="0">
                <a:latin typeface="DI Numbers Office" pitchFamily="2" charset="0"/>
              </a:defRPr>
            </a:lvl5pPr>
            <a:lvl6pPr marL="0" indent="0">
              <a:lnSpc>
                <a:spcPct val="87000"/>
              </a:lnSpc>
              <a:spcBef>
                <a:spcPts val="1200"/>
              </a:spcBef>
              <a:spcAft>
                <a:spcPts val="0"/>
              </a:spcAft>
              <a:buNone/>
              <a:defRPr sz="6000" b="0">
                <a:latin typeface="DI Numbers Office" pitchFamily="2" charset="0"/>
              </a:defRPr>
            </a:lvl6pPr>
            <a:lvl7pPr marL="0">
              <a:lnSpc>
                <a:spcPct val="87000"/>
              </a:lnSpc>
              <a:spcBef>
                <a:spcPts val="1200"/>
              </a:spcBef>
              <a:spcAft>
                <a:spcPts val="0"/>
              </a:spcAft>
              <a:buNone/>
              <a:defRPr sz="6000" b="0">
                <a:latin typeface="DI Numbers Office" pitchFamily="2" charset="0"/>
              </a:defRPr>
            </a:lvl7pPr>
            <a:lvl8pPr marL="0">
              <a:lnSpc>
                <a:spcPct val="87000"/>
              </a:lnSpc>
              <a:spcBef>
                <a:spcPts val="1200"/>
              </a:spcBef>
              <a:spcAft>
                <a:spcPts val="0"/>
              </a:spcAft>
              <a:buNone/>
              <a:defRPr sz="6000" b="0">
                <a:latin typeface="DI Numbers Office" pitchFamily="2" charset="0"/>
              </a:defRPr>
            </a:lvl8pPr>
            <a:lvl9pPr marL="0">
              <a:lnSpc>
                <a:spcPct val="87000"/>
              </a:lnSpc>
              <a:spcBef>
                <a:spcPts val="1200"/>
              </a:spcBef>
              <a:spcAft>
                <a:spcPts val="0"/>
              </a:spcAft>
              <a:buNone/>
              <a:defRPr sz="6000" b="0">
                <a:latin typeface="DI Numbers Office" pitchFamily="2" charset="0"/>
              </a:defRPr>
            </a:lvl9pPr>
          </a:lstStyle>
          <a:p>
            <a:pPr lvl="0"/>
            <a:r>
              <a:rPr lang="da-DK" noProof="0" dirty="0"/>
              <a:t>Klik og indsæt 123%</a:t>
            </a:r>
            <a:endParaRPr lang="da-DK" dirty="0"/>
          </a:p>
        </p:txBody>
      </p:sp>
      <p:sp>
        <p:nvSpPr>
          <p:cNvPr id="4" name="Text Placeholder note">
            <a:extLst>
              <a:ext uri="{FF2B5EF4-FFF2-40B4-BE49-F238E27FC236}">
                <a16:creationId xmlns:a16="http://schemas.microsoft.com/office/drawing/2014/main" id="{9293B404-C542-36E9-352D-662FB25977DE}"/>
              </a:ext>
            </a:extLst>
          </p:cNvPr>
          <p:cNvSpPr>
            <a:spLocks noGrp="1"/>
          </p:cNvSpPr>
          <p:nvPr>
            <p:ph type="body" sz="quarter" idx="22"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9" name="Pladsholder til dato 8" hidden="1">
            <a:extLst>
              <a:ext uri="{FF2B5EF4-FFF2-40B4-BE49-F238E27FC236}">
                <a16:creationId xmlns:a16="http://schemas.microsoft.com/office/drawing/2014/main" id="{01224BFB-0C29-9655-0FE2-4E41651F096D}"/>
              </a:ext>
            </a:extLst>
          </p:cNvPr>
          <p:cNvSpPr>
            <a:spLocks noGrp="1"/>
          </p:cNvSpPr>
          <p:nvPr>
            <p:ph type="dt" sz="half" idx="23"/>
          </p:nvPr>
        </p:nvSpPr>
        <p:spPr/>
        <p:txBody>
          <a:bodyPr/>
          <a:lstStyle/>
          <a:p>
            <a:fld id="{4EEAA188-5A0A-458D-9709-7483ECB9B179}" type="datetime2">
              <a:rPr lang="da-DK" smtClean="0"/>
              <a:t>11. september 2024</a:t>
            </a:fld>
            <a:endParaRPr lang="da-DK" dirty="0"/>
          </a:p>
        </p:txBody>
      </p:sp>
      <p:sp>
        <p:nvSpPr>
          <p:cNvPr id="10" name="Pladsholder til sidefod 9" hidden="1">
            <a:extLst>
              <a:ext uri="{FF2B5EF4-FFF2-40B4-BE49-F238E27FC236}">
                <a16:creationId xmlns:a16="http://schemas.microsoft.com/office/drawing/2014/main" id="{AEC8E52F-0D96-74F6-819D-5A9438022484}"/>
              </a:ext>
            </a:extLst>
          </p:cNvPr>
          <p:cNvSpPr>
            <a:spLocks noGrp="1"/>
          </p:cNvSpPr>
          <p:nvPr>
            <p:ph type="ftr" sz="quarter" idx="24"/>
          </p:nvPr>
        </p:nvSpPr>
        <p:spPr/>
        <p:txBody>
          <a:bodyPr/>
          <a:lstStyle/>
          <a:p>
            <a:endParaRPr lang="da-DK" dirty="0"/>
          </a:p>
        </p:txBody>
      </p:sp>
      <p:sp>
        <p:nvSpPr>
          <p:cNvPr id="14" name="Pladsholder til slidenummer 13" hidden="1">
            <a:extLst>
              <a:ext uri="{FF2B5EF4-FFF2-40B4-BE49-F238E27FC236}">
                <a16:creationId xmlns:a16="http://schemas.microsoft.com/office/drawing/2014/main" id="{38B67B8E-9814-F918-84D9-5136B08F2477}"/>
              </a:ext>
            </a:extLst>
          </p:cNvPr>
          <p:cNvSpPr>
            <a:spLocks noGrp="1"/>
          </p:cNvSpPr>
          <p:nvPr>
            <p:ph type="sldNum" sz="quarter" idx="25"/>
          </p:nvPr>
        </p:nvSpPr>
        <p:spPr/>
        <p:txBody>
          <a:bodyPr/>
          <a:lstStyle/>
          <a:p>
            <a:fld id="{24C8C45C-947F-4981-8B3F-4F32E973C901}" type="slidenum">
              <a:rPr lang="da-DK" smtClean="0"/>
              <a:pPr/>
              <a:t>‹#›</a:t>
            </a:fld>
            <a:endParaRPr lang="da-DK" dirty="0"/>
          </a:p>
        </p:txBody>
      </p:sp>
      <p:sp>
        <p:nvSpPr>
          <p:cNvPr id="17" name="Content Placeholder 14">
            <a:extLst>
              <a:ext uri="{FF2B5EF4-FFF2-40B4-BE49-F238E27FC236}">
                <a16:creationId xmlns:a16="http://schemas.microsoft.com/office/drawing/2014/main" id="{0A292E12-B22A-6473-743D-C1FAE7236874}"/>
              </a:ext>
            </a:extLst>
          </p:cNvPr>
          <p:cNvSpPr>
            <a:spLocks noGrp="1"/>
          </p:cNvSpPr>
          <p:nvPr>
            <p:ph sz="quarter" idx="26" hasCustomPrompt="1"/>
          </p:nvPr>
        </p:nvSpPr>
        <p:spPr>
          <a:xfrm>
            <a:off x="6229741"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18" name="Content Placeholder 14">
            <a:extLst>
              <a:ext uri="{FF2B5EF4-FFF2-40B4-BE49-F238E27FC236}">
                <a16:creationId xmlns:a16="http://schemas.microsoft.com/office/drawing/2014/main" id="{89973F6E-BE36-5A8D-29A5-741FC174D97B}"/>
              </a:ext>
            </a:extLst>
          </p:cNvPr>
          <p:cNvSpPr>
            <a:spLocks noGrp="1"/>
          </p:cNvSpPr>
          <p:nvPr>
            <p:ph sz="quarter" idx="27" hasCustomPrompt="1"/>
          </p:nvPr>
        </p:nvSpPr>
        <p:spPr>
          <a:xfrm>
            <a:off x="9015513"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Tree>
    <p:extLst>
      <p:ext uri="{BB962C8B-B14F-4D97-AF65-F5344CB8AC3E}">
        <p14:creationId xmlns:p14="http://schemas.microsoft.com/office/powerpoint/2010/main" val="2844806415"/>
      </p:ext>
    </p:extLst>
  </p:cSld>
  <p:clrMapOvr>
    <a:masterClrMapping/>
  </p:clrMapOvr>
  <p:extLst>
    <p:ext uri="{DCECCB84-F9BA-43D5-87BE-67443E8EF086}">
      <p15:sldGuideLst xmlns:p15="http://schemas.microsoft.com/office/powerpoint/2012/main">
        <p15:guide id="1" orient="horz" pos="1996" userDrawn="1">
          <p15:clr>
            <a:srgbClr val="A4A3A4"/>
          </p15:clr>
        </p15:guide>
        <p15:guide id="2" orient="horz" pos="2158" userDrawn="1">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2 Kontaktpersoner">
    <p:bg>
      <p:bgPr>
        <a:solidFill>
          <a:schemeClr val="bg2"/>
        </a:solidFill>
        <a:effectLst/>
      </p:bgPr>
    </p:bg>
    <p:spTree>
      <p:nvGrpSpPr>
        <p:cNvPr id="1" name=""/>
        <p:cNvGrpSpPr/>
        <p:nvPr/>
      </p:nvGrpSpPr>
      <p:grpSpPr>
        <a:xfrm>
          <a:off x="0" y="0"/>
          <a:ext cx="0" cy="0"/>
          <a:chOff x="0" y="0"/>
          <a:chExt cx="0" cy="0"/>
        </a:xfrm>
      </p:grpSpPr>
      <p:sp>
        <p:nvSpPr>
          <p:cNvPr id="4" name="Pladsholder til dato 3" hidden="1">
            <a:extLst>
              <a:ext uri="{FF2B5EF4-FFF2-40B4-BE49-F238E27FC236}">
                <a16:creationId xmlns:a16="http://schemas.microsoft.com/office/drawing/2014/main" id="{61C79CF3-B631-E8E3-051D-72B58828B346}"/>
              </a:ext>
            </a:extLst>
          </p:cNvPr>
          <p:cNvSpPr>
            <a:spLocks noGrp="1"/>
          </p:cNvSpPr>
          <p:nvPr>
            <p:ph type="dt" sz="half" idx="11"/>
          </p:nvPr>
        </p:nvSpPr>
        <p:spPr>
          <a:xfrm>
            <a:off x="0" y="6858000"/>
            <a:ext cx="0" cy="0"/>
          </a:xfrm>
          <a:prstGeom prst="rect">
            <a:avLst/>
          </a:prstGeom>
        </p:spPr>
        <p:txBody>
          <a:bodyPr/>
          <a:lstStyle/>
          <a:p>
            <a:fld id="{A7544344-06F1-45C9-BF92-99A64AC4A3FE}"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54C20659-2A5B-B635-28CC-577FCE585D87}"/>
              </a:ext>
            </a:extLst>
          </p:cNvPr>
          <p:cNvSpPr>
            <a:spLocks noGrp="1"/>
          </p:cNvSpPr>
          <p:nvPr>
            <p:ph type="ftr" sz="quarter" idx="12"/>
          </p:nvPr>
        </p:nvSpPr>
        <p:spPr>
          <a:xfrm>
            <a:off x="0" y="6858000"/>
            <a:ext cx="0" cy="0"/>
          </a:xfrm>
          <a:prstGeom prst="rect">
            <a:avLst/>
          </a:prstGeom>
        </p:spPr>
        <p:txBody>
          <a:bodyPr/>
          <a:lstStyle/>
          <a:p>
            <a:endParaRPr lang="da-DK" dirty="0"/>
          </a:p>
        </p:txBody>
      </p:sp>
      <p:sp>
        <p:nvSpPr>
          <p:cNvPr id="3" name="Pladsholder til slidenummer 2" hidden="1">
            <a:extLst>
              <a:ext uri="{FF2B5EF4-FFF2-40B4-BE49-F238E27FC236}">
                <a16:creationId xmlns:a16="http://schemas.microsoft.com/office/drawing/2014/main" id="{8A2E37A7-0865-5D9D-8070-D263D29272F5}"/>
              </a:ext>
            </a:extLst>
          </p:cNvPr>
          <p:cNvSpPr>
            <a:spLocks noGrp="1"/>
          </p:cNvSpPr>
          <p:nvPr>
            <p:ph type="sldNum" sz="quarter" idx="10"/>
          </p:nvPr>
        </p:nvSpPr>
        <p:spPr>
          <a:xfrm>
            <a:off x="0" y="6858000"/>
            <a:ext cx="0" cy="0"/>
          </a:xfrm>
          <a:prstGeom prst="rect">
            <a:avLst/>
          </a:prstGeom>
        </p:spPr>
        <p:txBody>
          <a:bodyPr/>
          <a:lstStyle/>
          <a:p>
            <a:fld id="{24C8C45C-947F-4981-8B3F-4F32E973C901}" type="slidenum">
              <a:rPr lang="da-DK" smtClean="0"/>
              <a:pPr/>
              <a:t>‹#›</a:t>
            </a:fld>
            <a:endParaRPr lang="da-DK" dirty="0"/>
          </a:p>
        </p:txBody>
      </p:sp>
      <p:sp>
        <p:nvSpPr>
          <p:cNvPr id="16" name="Billedepladsholder 1">
            <a:extLst>
              <a:ext uri="{FF2B5EF4-FFF2-40B4-BE49-F238E27FC236}">
                <a16:creationId xmlns:a16="http://schemas.microsoft.com/office/drawing/2014/main" id="{8E1C80C0-9FA5-E77D-95FB-701A9423CFD5}"/>
              </a:ext>
            </a:extLst>
          </p:cNvPr>
          <p:cNvSpPr>
            <a:spLocks noGrp="1"/>
          </p:cNvSpPr>
          <p:nvPr>
            <p:ph type="pic" sz="quarter" idx="14" hasCustomPrompt="1"/>
          </p:nvPr>
        </p:nvSpPr>
        <p:spPr>
          <a:xfrm>
            <a:off x="3435350" y="1526429"/>
            <a:ext cx="3719513" cy="3424446"/>
          </a:xfrm>
          <a:custGeom>
            <a:avLst/>
            <a:gdLst>
              <a:gd name="connsiteX0" fmla="*/ 0 w 3719513"/>
              <a:gd name="connsiteY0" fmla="*/ 0 h 3424446"/>
              <a:gd name="connsiteX1" fmla="*/ 349430 w 3719513"/>
              <a:gd name="connsiteY1" fmla="*/ 0 h 3424446"/>
              <a:gd name="connsiteX2" fmla="*/ 1027522 w 3719513"/>
              <a:gd name="connsiteY2" fmla="*/ 0 h 3424446"/>
              <a:gd name="connsiteX3" fmla="*/ 3370083 w 3719513"/>
              <a:gd name="connsiteY3" fmla="*/ 0 h 3424446"/>
              <a:gd name="connsiteX4" fmla="*/ 3719513 w 3719513"/>
              <a:gd name="connsiteY4" fmla="*/ 349430 h 3424446"/>
              <a:gd name="connsiteX5" fmla="*/ 3719513 w 3719513"/>
              <a:gd name="connsiteY5" fmla="*/ 3075016 h 3424446"/>
              <a:gd name="connsiteX6" fmla="*/ 3370083 w 3719513"/>
              <a:gd name="connsiteY6" fmla="*/ 3424446 h 3424446"/>
              <a:gd name="connsiteX7" fmla="*/ 349430 w 3719513"/>
              <a:gd name="connsiteY7" fmla="*/ 3424446 h 3424446"/>
              <a:gd name="connsiteX8" fmla="*/ 0 w 3719513"/>
              <a:gd name="connsiteY8" fmla="*/ 3075016 h 3424446"/>
              <a:gd name="connsiteX9" fmla="*/ 0 w 3719513"/>
              <a:gd name="connsiteY9" fmla="*/ 961534 h 3424446"/>
              <a:gd name="connsiteX10" fmla="*/ 0 w 3719513"/>
              <a:gd name="connsiteY10" fmla="*/ 349430 h 34244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719513" h="3424446">
                <a:moveTo>
                  <a:pt x="0" y="0"/>
                </a:moveTo>
                <a:lnTo>
                  <a:pt x="349430" y="0"/>
                </a:lnTo>
                <a:lnTo>
                  <a:pt x="1027522" y="0"/>
                </a:lnTo>
                <a:lnTo>
                  <a:pt x="3370083" y="0"/>
                </a:lnTo>
                <a:cubicBezTo>
                  <a:pt x="3563068" y="0"/>
                  <a:pt x="3719513" y="156445"/>
                  <a:pt x="3719513" y="349430"/>
                </a:cubicBezTo>
                <a:lnTo>
                  <a:pt x="3719513" y="3075016"/>
                </a:lnTo>
                <a:cubicBezTo>
                  <a:pt x="3719513" y="3268001"/>
                  <a:pt x="3563068" y="3424446"/>
                  <a:pt x="3370083" y="3424446"/>
                </a:cubicBezTo>
                <a:lnTo>
                  <a:pt x="349430" y="3424446"/>
                </a:lnTo>
                <a:cubicBezTo>
                  <a:pt x="156445" y="3424446"/>
                  <a:pt x="0" y="3268001"/>
                  <a:pt x="0" y="3075016"/>
                </a:cubicBezTo>
                <a:lnTo>
                  <a:pt x="0" y="961534"/>
                </a:lnTo>
                <a:lnTo>
                  <a:pt x="0" y="349430"/>
                </a:lnTo>
                <a:close/>
              </a:path>
            </a:pathLst>
          </a:custGeom>
          <a:solidFill>
            <a:schemeClr val="bg1">
              <a:lumMod val="95000"/>
            </a:schemeClr>
          </a:solidFill>
        </p:spPr>
        <p:txBody>
          <a:bodyPr wrap="square" lIns="108000" tIns="72000" rIns="108000" bIns="0" anchor="t" anchorCtr="0">
            <a:noAutofit/>
          </a:bodyPr>
          <a:lstStyle>
            <a:lvl1pPr marL="0" indent="0" algn="ctr">
              <a:buNone/>
              <a:defRPr sz="1600"/>
            </a:lvl1pPr>
          </a:lstStyle>
          <a:p>
            <a:r>
              <a:rPr lang="da-DK" noProof="0" dirty="0"/>
              <a:t>Klik på rammen og indsæt billede via Skyfish</a:t>
            </a:r>
            <a:endParaRPr lang="da-DK" dirty="0"/>
          </a:p>
        </p:txBody>
      </p:sp>
      <p:sp>
        <p:nvSpPr>
          <p:cNvPr id="17" name="Billedepladsholder 2">
            <a:extLst>
              <a:ext uri="{FF2B5EF4-FFF2-40B4-BE49-F238E27FC236}">
                <a16:creationId xmlns:a16="http://schemas.microsoft.com/office/drawing/2014/main" id="{C6660F99-2D39-0E5E-2BAE-8FE7E698DC74}"/>
              </a:ext>
            </a:extLst>
          </p:cNvPr>
          <p:cNvSpPr>
            <a:spLocks noGrp="1"/>
          </p:cNvSpPr>
          <p:nvPr>
            <p:ph type="pic" sz="quarter" idx="15" hasCustomPrompt="1"/>
          </p:nvPr>
        </p:nvSpPr>
        <p:spPr>
          <a:xfrm>
            <a:off x="7496796" y="1526429"/>
            <a:ext cx="3719513" cy="3424446"/>
          </a:xfrm>
          <a:custGeom>
            <a:avLst/>
            <a:gdLst>
              <a:gd name="connsiteX0" fmla="*/ 0 w 3719513"/>
              <a:gd name="connsiteY0" fmla="*/ 0 h 3424446"/>
              <a:gd name="connsiteX1" fmla="*/ 349430 w 3719513"/>
              <a:gd name="connsiteY1" fmla="*/ 0 h 3424446"/>
              <a:gd name="connsiteX2" fmla="*/ 1027522 w 3719513"/>
              <a:gd name="connsiteY2" fmla="*/ 0 h 3424446"/>
              <a:gd name="connsiteX3" fmla="*/ 3370083 w 3719513"/>
              <a:gd name="connsiteY3" fmla="*/ 0 h 3424446"/>
              <a:gd name="connsiteX4" fmla="*/ 3719513 w 3719513"/>
              <a:gd name="connsiteY4" fmla="*/ 349430 h 3424446"/>
              <a:gd name="connsiteX5" fmla="*/ 3719513 w 3719513"/>
              <a:gd name="connsiteY5" fmla="*/ 3075016 h 3424446"/>
              <a:gd name="connsiteX6" fmla="*/ 3370083 w 3719513"/>
              <a:gd name="connsiteY6" fmla="*/ 3424446 h 3424446"/>
              <a:gd name="connsiteX7" fmla="*/ 349430 w 3719513"/>
              <a:gd name="connsiteY7" fmla="*/ 3424446 h 3424446"/>
              <a:gd name="connsiteX8" fmla="*/ 0 w 3719513"/>
              <a:gd name="connsiteY8" fmla="*/ 3075016 h 3424446"/>
              <a:gd name="connsiteX9" fmla="*/ 0 w 3719513"/>
              <a:gd name="connsiteY9" fmla="*/ 961534 h 3424446"/>
              <a:gd name="connsiteX10" fmla="*/ 0 w 3719513"/>
              <a:gd name="connsiteY10" fmla="*/ 349430 h 34244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719513" h="3424446">
                <a:moveTo>
                  <a:pt x="0" y="0"/>
                </a:moveTo>
                <a:lnTo>
                  <a:pt x="349430" y="0"/>
                </a:lnTo>
                <a:lnTo>
                  <a:pt x="1027522" y="0"/>
                </a:lnTo>
                <a:lnTo>
                  <a:pt x="3370083" y="0"/>
                </a:lnTo>
                <a:cubicBezTo>
                  <a:pt x="3563068" y="0"/>
                  <a:pt x="3719513" y="156445"/>
                  <a:pt x="3719513" y="349430"/>
                </a:cubicBezTo>
                <a:lnTo>
                  <a:pt x="3719513" y="3075016"/>
                </a:lnTo>
                <a:cubicBezTo>
                  <a:pt x="3719513" y="3268001"/>
                  <a:pt x="3563068" y="3424446"/>
                  <a:pt x="3370083" y="3424446"/>
                </a:cubicBezTo>
                <a:lnTo>
                  <a:pt x="349430" y="3424446"/>
                </a:lnTo>
                <a:cubicBezTo>
                  <a:pt x="156445" y="3424446"/>
                  <a:pt x="0" y="3268001"/>
                  <a:pt x="0" y="3075016"/>
                </a:cubicBezTo>
                <a:lnTo>
                  <a:pt x="0" y="961534"/>
                </a:lnTo>
                <a:lnTo>
                  <a:pt x="0" y="349430"/>
                </a:lnTo>
                <a:close/>
              </a:path>
            </a:pathLst>
          </a:custGeom>
          <a:solidFill>
            <a:schemeClr val="bg1">
              <a:lumMod val="95000"/>
            </a:schemeClr>
          </a:solidFill>
        </p:spPr>
        <p:txBody>
          <a:bodyPr wrap="square" lIns="108000" tIns="72000" rIns="108000" bIns="0" anchor="t" anchorCtr="0">
            <a:noAutofit/>
          </a:bodyPr>
          <a:lstStyle>
            <a:lvl1pPr marL="0" indent="0" algn="ctr">
              <a:buNone/>
              <a:defRPr sz="1600"/>
            </a:lvl1pPr>
          </a:lstStyle>
          <a:p>
            <a:r>
              <a:rPr lang="da-DK" noProof="0" dirty="0"/>
              <a:t>Klik på rammen og indsæt billede via Skyfish</a:t>
            </a:r>
            <a:endParaRPr lang="da-DK" dirty="0"/>
          </a:p>
        </p:txBody>
      </p:sp>
      <p:sp>
        <p:nvSpPr>
          <p:cNvPr id="2" name="Titel 1">
            <a:extLst>
              <a:ext uri="{FF2B5EF4-FFF2-40B4-BE49-F238E27FC236}">
                <a16:creationId xmlns:a16="http://schemas.microsoft.com/office/drawing/2014/main" id="{9F85D3E7-D4BC-7BF4-9267-EBAA80F11F25}"/>
              </a:ext>
            </a:extLst>
          </p:cNvPr>
          <p:cNvSpPr>
            <a:spLocks noGrp="1"/>
          </p:cNvSpPr>
          <p:nvPr>
            <p:ph type="title" hasCustomPrompt="1"/>
          </p:nvPr>
        </p:nvSpPr>
        <p:spPr>
          <a:xfrm>
            <a:off x="648000" y="648000"/>
            <a:ext cx="10897200" cy="600697"/>
          </a:xfrm>
        </p:spPr>
        <p:txBody>
          <a:bodyPr/>
          <a:lstStyle>
            <a:lvl1pPr>
              <a:defRPr/>
            </a:lvl1pPr>
          </a:lstStyle>
          <a:p>
            <a:r>
              <a:rPr lang="da-DK" dirty="0"/>
              <a:t>Klik for at indsætte Kontaktpersoner</a:t>
            </a:r>
          </a:p>
        </p:txBody>
      </p:sp>
      <p:sp>
        <p:nvSpPr>
          <p:cNvPr id="8" name="Pladsholder til tekst 7">
            <a:extLst>
              <a:ext uri="{FF2B5EF4-FFF2-40B4-BE49-F238E27FC236}">
                <a16:creationId xmlns:a16="http://schemas.microsoft.com/office/drawing/2014/main" id="{3EE981BC-DD1C-C0DC-77DB-4FB9211CC57D}"/>
              </a:ext>
            </a:extLst>
          </p:cNvPr>
          <p:cNvSpPr>
            <a:spLocks noGrp="1"/>
          </p:cNvSpPr>
          <p:nvPr>
            <p:ph type="body" sz="quarter" idx="13" hasCustomPrompt="1"/>
          </p:nvPr>
        </p:nvSpPr>
        <p:spPr>
          <a:xfrm>
            <a:off x="647700" y="1501897"/>
            <a:ext cx="1858963" cy="2160000"/>
          </a:xfrm>
        </p:spPr>
        <p:txBody>
          <a:bodyPr/>
          <a:lstStyle>
            <a:lvl1pPr marL="0" indent="0">
              <a:lnSpc>
                <a:spcPct val="100000"/>
              </a:lnSpc>
              <a:spcAft>
                <a:spcPts val="600"/>
              </a:spcAft>
              <a:buFont typeface="Arial" panose="020B0604020202020204" pitchFamily="34" charset="0"/>
              <a:buChar char="​"/>
              <a:defRPr sz="1000"/>
            </a:lvl1pPr>
            <a:lvl2pPr marL="0" indent="0">
              <a:lnSpc>
                <a:spcPct val="100000"/>
              </a:lnSpc>
              <a:spcAft>
                <a:spcPts val="0"/>
              </a:spcAft>
              <a:buFont typeface="Arial" panose="020B0604020202020204" pitchFamily="34" charset="0"/>
              <a:buChar char="​"/>
              <a:defRPr sz="1000" b="1"/>
            </a:lvl2pPr>
            <a:lvl3pPr marL="90000" indent="-90000">
              <a:lnSpc>
                <a:spcPct val="100000"/>
              </a:lnSpc>
              <a:spcAft>
                <a:spcPts val="600"/>
              </a:spcAft>
              <a:defRPr sz="1000"/>
            </a:lvl3pPr>
            <a:lvl4pPr marL="180000" indent="-90000">
              <a:lnSpc>
                <a:spcPct val="100000"/>
              </a:lnSpc>
              <a:spcAft>
                <a:spcPts val="600"/>
              </a:spcAft>
              <a:buFont typeface="Arial" panose="020B0604020202020204" pitchFamily="34" charset="0"/>
              <a:buChar char="•"/>
              <a:defRPr sz="1000" b="0"/>
            </a:lvl4pPr>
            <a:lvl5pPr marL="270000" indent="-90000">
              <a:lnSpc>
                <a:spcPct val="100000"/>
              </a:lnSpc>
              <a:spcAft>
                <a:spcPts val="600"/>
              </a:spcAft>
              <a:buFont typeface="Arial" panose="020B0604020202020204" pitchFamily="34" charset="0"/>
              <a:buChar char="•"/>
              <a:defRPr sz="1000"/>
            </a:lvl5pPr>
            <a:lvl6pPr marL="180000" indent="-180000">
              <a:lnSpc>
                <a:spcPct val="93000"/>
              </a:lnSpc>
              <a:spcAft>
                <a:spcPts val="600"/>
              </a:spcAft>
              <a:defRPr sz="2000"/>
            </a:lvl6pPr>
            <a:lvl7pPr>
              <a:lnSpc>
                <a:spcPct val="93000"/>
              </a:lnSpc>
              <a:spcAft>
                <a:spcPts val="0"/>
              </a:spcAft>
              <a:defRPr sz="2000"/>
            </a:lvl7pPr>
            <a:lvl8pPr>
              <a:lnSpc>
                <a:spcPct val="93000"/>
              </a:lnSpc>
              <a:spcAft>
                <a:spcPts val="1200"/>
              </a:spcAft>
              <a:defRPr sz="2000"/>
            </a:lvl8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a:t>
            </a:r>
            <a:endParaRPr lang="da-DK" dirty="0"/>
          </a:p>
        </p:txBody>
      </p:sp>
      <p:sp>
        <p:nvSpPr>
          <p:cNvPr id="19" name="Pladsholder til tekst navn">
            <a:extLst>
              <a:ext uri="{FF2B5EF4-FFF2-40B4-BE49-F238E27FC236}">
                <a16:creationId xmlns:a16="http://schemas.microsoft.com/office/drawing/2014/main" id="{DDEC23B9-63B1-8BA7-FB58-088997549115}"/>
              </a:ext>
            </a:extLst>
          </p:cNvPr>
          <p:cNvSpPr>
            <a:spLocks noGrp="1"/>
          </p:cNvSpPr>
          <p:nvPr>
            <p:ph type="body" sz="quarter" idx="16" hasCustomPrompt="1"/>
          </p:nvPr>
        </p:nvSpPr>
        <p:spPr>
          <a:xfrm>
            <a:off x="3668454" y="5117657"/>
            <a:ext cx="3222000" cy="252000"/>
          </a:xfrm>
        </p:spPr>
        <p:txBody>
          <a:bodyPr/>
          <a:lstStyle>
            <a:lvl1pPr marL="0" indent="0">
              <a:lnSpc>
                <a:spcPct val="100000"/>
              </a:lnSpc>
              <a:spcAft>
                <a:spcPts val="0"/>
              </a:spcAft>
              <a:buNone/>
              <a:defRPr sz="1600" b="1"/>
            </a:lvl1pPr>
            <a:lvl2pPr marL="0" indent="0">
              <a:lnSpc>
                <a:spcPct val="100000"/>
              </a:lnSpc>
              <a:spcAft>
                <a:spcPts val="0"/>
              </a:spcAft>
              <a:buNone/>
              <a:defRPr sz="1600" b="1"/>
            </a:lvl2pPr>
            <a:lvl3pPr marL="0" indent="0">
              <a:lnSpc>
                <a:spcPct val="100000"/>
              </a:lnSpc>
              <a:spcAft>
                <a:spcPts val="0"/>
              </a:spcAft>
              <a:buNone/>
              <a:defRPr sz="1600" b="1"/>
            </a:lvl3pPr>
            <a:lvl4pPr marL="0">
              <a:lnSpc>
                <a:spcPct val="100000"/>
              </a:lnSpc>
              <a:spcAft>
                <a:spcPts val="0"/>
              </a:spcAft>
              <a:buNone/>
              <a:defRPr sz="1600" b="1"/>
            </a:lvl4pPr>
            <a:lvl5pPr marL="0">
              <a:lnSpc>
                <a:spcPct val="100000"/>
              </a:lnSpc>
              <a:spcAft>
                <a:spcPts val="0"/>
              </a:spcAft>
              <a:buNone/>
              <a:defRPr sz="1600" b="1"/>
            </a:lvl5pPr>
            <a:lvl6pPr marL="0" indent="0">
              <a:lnSpc>
                <a:spcPct val="100000"/>
              </a:lnSpc>
              <a:spcAft>
                <a:spcPts val="0"/>
              </a:spcAft>
              <a:buNone/>
              <a:defRPr sz="1600" b="1"/>
            </a:lvl6pPr>
            <a:lvl7pPr marL="0">
              <a:lnSpc>
                <a:spcPct val="100000"/>
              </a:lnSpc>
              <a:spcAft>
                <a:spcPts val="0"/>
              </a:spcAft>
              <a:buNone/>
              <a:defRPr sz="1600" b="1"/>
            </a:lvl7pPr>
            <a:lvl8pPr marL="0">
              <a:lnSpc>
                <a:spcPct val="100000"/>
              </a:lnSpc>
              <a:spcAft>
                <a:spcPts val="0"/>
              </a:spcAft>
              <a:buNone/>
              <a:defRPr sz="1600" b="1"/>
            </a:lvl8pPr>
            <a:lvl9pPr marL="0">
              <a:lnSpc>
                <a:spcPct val="100000"/>
              </a:lnSpc>
              <a:spcAft>
                <a:spcPts val="0"/>
              </a:spcAft>
              <a:buNone/>
              <a:defRPr sz="1600" b="1"/>
            </a:lvl9pPr>
          </a:lstStyle>
          <a:p>
            <a:pPr lvl="0"/>
            <a:r>
              <a:rPr lang="da-DK" noProof="0" dirty="0"/>
              <a:t>Klik for at indsætte navn</a:t>
            </a:r>
            <a:endParaRPr lang="da-DK" dirty="0"/>
          </a:p>
        </p:txBody>
      </p:sp>
      <p:sp>
        <p:nvSpPr>
          <p:cNvPr id="20" name="Pladsholder til tekst titel">
            <a:extLst>
              <a:ext uri="{FF2B5EF4-FFF2-40B4-BE49-F238E27FC236}">
                <a16:creationId xmlns:a16="http://schemas.microsoft.com/office/drawing/2014/main" id="{C3209B5F-30C5-BE84-44CC-333585A3BF76}"/>
              </a:ext>
            </a:extLst>
          </p:cNvPr>
          <p:cNvSpPr>
            <a:spLocks noGrp="1"/>
          </p:cNvSpPr>
          <p:nvPr>
            <p:ph type="body" sz="quarter" idx="17" hasCustomPrompt="1"/>
          </p:nvPr>
        </p:nvSpPr>
        <p:spPr>
          <a:xfrm>
            <a:off x="3668454" y="5333589"/>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itel</a:t>
            </a:r>
            <a:endParaRPr lang="da-DK" dirty="0"/>
          </a:p>
        </p:txBody>
      </p:sp>
      <p:sp>
        <p:nvSpPr>
          <p:cNvPr id="21" name="Pladsholder til tekst telefon">
            <a:extLst>
              <a:ext uri="{FF2B5EF4-FFF2-40B4-BE49-F238E27FC236}">
                <a16:creationId xmlns:a16="http://schemas.microsoft.com/office/drawing/2014/main" id="{BF5FABDB-6367-759E-E4F7-D8432A45C49A}"/>
              </a:ext>
            </a:extLst>
          </p:cNvPr>
          <p:cNvSpPr>
            <a:spLocks noGrp="1"/>
          </p:cNvSpPr>
          <p:nvPr>
            <p:ph type="body" sz="quarter" idx="18" hasCustomPrompt="1"/>
          </p:nvPr>
        </p:nvSpPr>
        <p:spPr>
          <a:xfrm>
            <a:off x="3668454" y="5568375"/>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elefon nr.</a:t>
            </a:r>
            <a:endParaRPr lang="da-DK" dirty="0"/>
          </a:p>
        </p:txBody>
      </p:sp>
      <p:sp>
        <p:nvSpPr>
          <p:cNvPr id="22" name="Pladsholder til tekst email">
            <a:extLst>
              <a:ext uri="{FF2B5EF4-FFF2-40B4-BE49-F238E27FC236}">
                <a16:creationId xmlns:a16="http://schemas.microsoft.com/office/drawing/2014/main" id="{A40AE11C-8823-76DC-0AD3-9E6501850242}"/>
              </a:ext>
            </a:extLst>
          </p:cNvPr>
          <p:cNvSpPr>
            <a:spLocks noGrp="1"/>
          </p:cNvSpPr>
          <p:nvPr>
            <p:ph type="body" sz="quarter" idx="19" hasCustomPrompt="1"/>
          </p:nvPr>
        </p:nvSpPr>
        <p:spPr>
          <a:xfrm>
            <a:off x="3668454" y="5765452"/>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e-mail</a:t>
            </a:r>
            <a:endParaRPr lang="da-DK" dirty="0"/>
          </a:p>
        </p:txBody>
      </p:sp>
      <p:sp>
        <p:nvSpPr>
          <p:cNvPr id="23" name="Pladsholder til tekst navn">
            <a:extLst>
              <a:ext uri="{FF2B5EF4-FFF2-40B4-BE49-F238E27FC236}">
                <a16:creationId xmlns:a16="http://schemas.microsoft.com/office/drawing/2014/main" id="{2ED3459A-AA83-0355-7B8C-61659F33B7CC}"/>
              </a:ext>
            </a:extLst>
          </p:cNvPr>
          <p:cNvSpPr>
            <a:spLocks noGrp="1"/>
          </p:cNvSpPr>
          <p:nvPr>
            <p:ph type="body" sz="quarter" idx="20" hasCustomPrompt="1"/>
          </p:nvPr>
        </p:nvSpPr>
        <p:spPr>
          <a:xfrm>
            <a:off x="7729276" y="5117657"/>
            <a:ext cx="3222000" cy="252000"/>
          </a:xfrm>
        </p:spPr>
        <p:txBody>
          <a:bodyPr/>
          <a:lstStyle>
            <a:lvl1pPr marL="0" indent="0">
              <a:lnSpc>
                <a:spcPct val="100000"/>
              </a:lnSpc>
              <a:spcAft>
                <a:spcPts val="0"/>
              </a:spcAft>
              <a:buNone/>
              <a:defRPr sz="1600" b="1"/>
            </a:lvl1pPr>
            <a:lvl2pPr marL="0" indent="0">
              <a:lnSpc>
                <a:spcPct val="100000"/>
              </a:lnSpc>
              <a:spcAft>
                <a:spcPts val="0"/>
              </a:spcAft>
              <a:buNone/>
              <a:defRPr sz="1600" b="1"/>
            </a:lvl2pPr>
            <a:lvl3pPr marL="0" indent="0">
              <a:lnSpc>
                <a:spcPct val="100000"/>
              </a:lnSpc>
              <a:spcAft>
                <a:spcPts val="0"/>
              </a:spcAft>
              <a:buNone/>
              <a:defRPr sz="1600" b="1"/>
            </a:lvl3pPr>
            <a:lvl4pPr marL="0">
              <a:lnSpc>
                <a:spcPct val="100000"/>
              </a:lnSpc>
              <a:spcAft>
                <a:spcPts val="0"/>
              </a:spcAft>
              <a:buNone/>
              <a:defRPr sz="1600" b="1"/>
            </a:lvl4pPr>
            <a:lvl5pPr marL="0">
              <a:lnSpc>
                <a:spcPct val="100000"/>
              </a:lnSpc>
              <a:spcAft>
                <a:spcPts val="0"/>
              </a:spcAft>
              <a:buNone/>
              <a:defRPr sz="1600" b="1"/>
            </a:lvl5pPr>
            <a:lvl6pPr marL="0" indent="0">
              <a:lnSpc>
                <a:spcPct val="100000"/>
              </a:lnSpc>
              <a:spcAft>
                <a:spcPts val="0"/>
              </a:spcAft>
              <a:buNone/>
              <a:defRPr sz="1600" b="1"/>
            </a:lvl6pPr>
            <a:lvl7pPr marL="0">
              <a:lnSpc>
                <a:spcPct val="100000"/>
              </a:lnSpc>
              <a:spcAft>
                <a:spcPts val="0"/>
              </a:spcAft>
              <a:buNone/>
              <a:defRPr sz="1600" b="1"/>
            </a:lvl7pPr>
            <a:lvl8pPr marL="0">
              <a:lnSpc>
                <a:spcPct val="100000"/>
              </a:lnSpc>
              <a:spcAft>
                <a:spcPts val="0"/>
              </a:spcAft>
              <a:buNone/>
              <a:defRPr sz="1600" b="1"/>
            </a:lvl8pPr>
            <a:lvl9pPr marL="0">
              <a:lnSpc>
                <a:spcPct val="100000"/>
              </a:lnSpc>
              <a:spcAft>
                <a:spcPts val="0"/>
              </a:spcAft>
              <a:buNone/>
              <a:defRPr sz="1600" b="1"/>
            </a:lvl9pPr>
          </a:lstStyle>
          <a:p>
            <a:pPr lvl="0"/>
            <a:r>
              <a:rPr lang="da-DK" noProof="0" dirty="0"/>
              <a:t>Klik for at indsætte navn</a:t>
            </a:r>
            <a:endParaRPr lang="da-DK" dirty="0"/>
          </a:p>
        </p:txBody>
      </p:sp>
      <p:sp>
        <p:nvSpPr>
          <p:cNvPr id="24" name="Pladsholder til tekst titel">
            <a:extLst>
              <a:ext uri="{FF2B5EF4-FFF2-40B4-BE49-F238E27FC236}">
                <a16:creationId xmlns:a16="http://schemas.microsoft.com/office/drawing/2014/main" id="{829D7A4F-734B-839A-2375-E0154A4684B9}"/>
              </a:ext>
            </a:extLst>
          </p:cNvPr>
          <p:cNvSpPr>
            <a:spLocks noGrp="1"/>
          </p:cNvSpPr>
          <p:nvPr>
            <p:ph type="body" sz="quarter" idx="21" hasCustomPrompt="1"/>
          </p:nvPr>
        </p:nvSpPr>
        <p:spPr>
          <a:xfrm>
            <a:off x="7729276" y="5333589"/>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itel</a:t>
            </a:r>
            <a:endParaRPr lang="da-DK" dirty="0"/>
          </a:p>
        </p:txBody>
      </p:sp>
      <p:sp>
        <p:nvSpPr>
          <p:cNvPr id="25" name="Pladsholder til tekst telefon">
            <a:extLst>
              <a:ext uri="{FF2B5EF4-FFF2-40B4-BE49-F238E27FC236}">
                <a16:creationId xmlns:a16="http://schemas.microsoft.com/office/drawing/2014/main" id="{8F488769-3123-F208-1EA9-05964E696AA1}"/>
              </a:ext>
            </a:extLst>
          </p:cNvPr>
          <p:cNvSpPr>
            <a:spLocks noGrp="1"/>
          </p:cNvSpPr>
          <p:nvPr>
            <p:ph type="body" sz="quarter" idx="22" hasCustomPrompt="1"/>
          </p:nvPr>
        </p:nvSpPr>
        <p:spPr>
          <a:xfrm>
            <a:off x="7729276" y="5568375"/>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elefon nr.</a:t>
            </a:r>
            <a:endParaRPr lang="da-DK" dirty="0"/>
          </a:p>
        </p:txBody>
      </p:sp>
      <p:sp>
        <p:nvSpPr>
          <p:cNvPr id="26" name="Pladsholder til tekst email">
            <a:extLst>
              <a:ext uri="{FF2B5EF4-FFF2-40B4-BE49-F238E27FC236}">
                <a16:creationId xmlns:a16="http://schemas.microsoft.com/office/drawing/2014/main" id="{F6F6DEF3-65D9-C270-60ED-08A37C620A66}"/>
              </a:ext>
            </a:extLst>
          </p:cNvPr>
          <p:cNvSpPr>
            <a:spLocks noGrp="1"/>
          </p:cNvSpPr>
          <p:nvPr>
            <p:ph type="body" sz="quarter" idx="23" hasCustomPrompt="1"/>
          </p:nvPr>
        </p:nvSpPr>
        <p:spPr>
          <a:xfrm>
            <a:off x="7729276" y="5765452"/>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e-mail</a:t>
            </a:r>
            <a:endParaRPr lang="da-DK" dirty="0"/>
          </a:p>
        </p:txBody>
      </p:sp>
    </p:spTree>
    <p:extLst>
      <p:ext uri="{BB962C8B-B14F-4D97-AF65-F5344CB8AC3E}">
        <p14:creationId xmlns:p14="http://schemas.microsoft.com/office/powerpoint/2010/main" val="262076471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8 Kontaktpersoner">
    <p:bg>
      <p:bgPr>
        <a:solidFill>
          <a:schemeClr val="bg2"/>
        </a:solidFill>
        <a:effectLst/>
      </p:bgPr>
    </p:bg>
    <p:spTree>
      <p:nvGrpSpPr>
        <p:cNvPr id="1" name=""/>
        <p:cNvGrpSpPr/>
        <p:nvPr/>
      </p:nvGrpSpPr>
      <p:grpSpPr>
        <a:xfrm>
          <a:off x="0" y="0"/>
          <a:ext cx="0" cy="0"/>
          <a:chOff x="0" y="0"/>
          <a:chExt cx="0" cy="0"/>
        </a:xfrm>
      </p:grpSpPr>
      <p:sp>
        <p:nvSpPr>
          <p:cNvPr id="4" name="Pladsholder til dato 3" hidden="1">
            <a:extLst>
              <a:ext uri="{FF2B5EF4-FFF2-40B4-BE49-F238E27FC236}">
                <a16:creationId xmlns:a16="http://schemas.microsoft.com/office/drawing/2014/main" id="{61C79CF3-B631-E8E3-051D-72B58828B346}"/>
              </a:ext>
            </a:extLst>
          </p:cNvPr>
          <p:cNvSpPr>
            <a:spLocks noGrp="1"/>
          </p:cNvSpPr>
          <p:nvPr>
            <p:ph type="dt" sz="half" idx="11"/>
          </p:nvPr>
        </p:nvSpPr>
        <p:spPr>
          <a:xfrm>
            <a:off x="0" y="6858000"/>
            <a:ext cx="0" cy="0"/>
          </a:xfrm>
          <a:prstGeom prst="rect">
            <a:avLst/>
          </a:prstGeom>
        </p:spPr>
        <p:txBody>
          <a:bodyPr/>
          <a:lstStyle/>
          <a:p>
            <a:fld id="{F62E5546-1801-4FB6-A052-41D15CA0BB48}"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54C20659-2A5B-B635-28CC-577FCE585D87}"/>
              </a:ext>
            </a:extLst>
          </p:cNvPr>
          <p:cNvSpPr>
            <a:spLocks noGrp="1"/>
          </p:cNvSpPr>
          <p:nvPr>
            <p:ph type="ftr" sz="quarter" idx="12"/>
          </p:nvPr>
        </p:nvSpPr>
        <p:spPr>
          <a:xfrm>
            <a:off x="0" y="6858000"/>
            <a:ext cx="0" cy="0"/>
          </a:xfrm>
          <a:prstGeom prst="rect">
            <a:avLst/>
          </a:prstGeom>
        </p:spPr>
        <p:txBody>
          <a:bodyPr/>
          <a:lstStyle/>
          <a:p>
            <a:endParaRPr lang="da-DK" dirty="0"/>
          </a:p>
        </p:txBody>
      </p:sp>
      <p:sp>
        <p:nvSpPr>
          <p:cNvPr id="3" name="Pladsholder til slidenummer 2" hidden="1">
            <a:extLst>
              <a:ext uri="{FF2B5EF4-FFF2-40B4-BE49-F238E27FC236}">
                <a16:creationId xmlns:a16="http://schemas.microsoft.com/office/drawing/2014/main" id="{8A2E37A7-0865-5D9D-8070-D263D29272F5}"/>
              </a:ext>
            </a:extLst>
          </p:cNvPr>
          <p:cNvSpPr>
            <a:spLocks noGrp="1"/>
          </p:cNvSpPr>
          <p:nvPr>
            <p:ph type="sldNum" sz="quarter" idx="10"/>
          </p:nvPr>
        </p:nvSpPr>
        <p:spPr>
          <a:xfrm>
            <a:off x="0" y="6858000"/>
            <a:ext cx="0" cy="0"/>
          </a:xfrm>
          <a:prstGeom prst="rect">
            <a:avLst/>
          </a:prstGeom>
        </p:spPr>
        <p:txBody>
          <a:bodyPr/>
          <a:lstStyle/>
          <a:p>
            <a:fld id="{24C8C45C-947F-4981-8B3F-4F32E973C901}" type="slidenum">
              <a:rPr lang="da-DK" smtClean="0"/>
              <a:pPr/>
              <a:t>‹#›</a:t>
            </a:fld>
            <a:endParaRPr lang="da-DK" dirty="0"/>
          </a:p>
        </p:txBody>
      </p:sp>
      <p:pic>
        <p:nvPicPr>
          <p:cNvPr id="10" name="grid småt" descr="Et billede, der indeholder tekst, skærmbillede, linje/række, Font/skrifttype&#10;&#10;Automatisk genereret beskrivelse" hidden="1">
            <a:extLst>
              <a:ext uri="{FF2B5EF4-FFF2-40B4-BE49-F238E27FC236}">
                <a16:creationId xmlns:a16="http://schemas.microsoft.com/office/drawing/2014/main" id="{3295CEEC-B8A1-194B-1079-0770A0029A60}"/>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Lst>
          </a:blip>
          <a:stretch>
            <a:fillRect/>
          </a:stretch>
        </p:blipFill>
        <p:spPr>
          <a:xfrm>
            <a:off x="0" y="363"/>
            <a:ext cx="12192000" cy="6857274"/>
          </a:xfrm>
          <a:prstGeom prst="rect">
            <a:avLst/>
          </a:prstGeom>
        </p:spPr>
      </p:pic>
      <p:pic>
        <p:nvPicPr>
          <p:cNvPr id="6" name="smid ud" hidden="1">
            <a:extLst>
              <a:ext uri="{FF2B5EF4-FFF2-40B4-BE49-F238E27FC236}">
                <a16:creationId xmlns:a16="http://schemas.microsoft.com/office/drawing/2014/main" id="{D011A325-68FE-5D85-4280-E37E0F9185A7}"/>
              </a:ext>
            </a:extLst>
          </p:cNvPr>
          <p:cNvPicPr>
            <a:picLocks noGrp="1" noRot="1" noChangeAspect="1" noMove="1" noResize="1" noEditPoints="1" noAdjustHandles="1" noChangeArrowheads="1" noChangeShapeType="1" noCrop="1"/>
          </p:cNvPicPr>
          <p:nvPr userDrawn="1"/>
        </p:nvPicPr>
        <p:blipFill>
          <a:blip r:embed="rId3">
            <a:extLst>
              <a:ext uri="{28A0092B-C50C-407E-A947-70E740481C1C}">
                <a14:useLocalDpi xmlns:a14="http://schemas.microsoft.com/office/drawing/2010/main" val="0"/>
              </a:ext>
            </a:extLst>
          </a:blip>
          <a:srcRect/>
          <a:stretch/>
        </p:blipFill>
        <p:spPr>
          <a:xfrm>
            <a:off x="763" y="428"/>
            <a:ext cx="12190474" cy="6857141"/>
          </a:xfrm>
          <a:prstGeom prst="rect">
            <a:avLst/>
          </a:prstGeom>
        </p:spPr>
      </p:pic>
      <p:sp>
        <p:nvSpPr>
          <p:cNvPr id="29" name="Billedepladsholder 1">
            <a:extLst>
              <a:ext uri="{FF2B5EF4-FFF2-40B4-BE49-F238E27FC236}">
                <a16:creationId xmlns:a16="http://schemas.microsoft.com/office/drawing/2014/main" id="{6971982E-4974-B284-D383-CBBB77B6EBCA}"/>
              </a:ext>
            </a:extLst>
          </p:cNvPr>
          <p:cNvSpPr>
            <a:spLocks noGrp="1"/>
          </p:cNvSpPr>
          <p:nvPr>
            <p:ph type="pic" sz="quarter" idx="14" hasCustomPrompt="1"/>
          </p:nvPr>
        </p:nvSpPr>
        <p:spPr>
          <a:xfrm>
            <a:off x="3683274"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30" name="Billedepladsholder 2">
            <a:extLst>
              <a:ext uri="{FF2B5EF4-FFF2-40B4-BE49-F238E27FC236}">
                <a16:creationId xmlns:a16="http://schemas.microsoft.com/office/drawing/2014/main" id="{88034DEB-A09C-B6AF-72F4-7AF1DCE52921}"/>
              </a:ext>
            </a:extLst>
          </p:cNvPr>
          <p:cNvSpPr>
            <a:spLocks noGrp="1"/>
          </p:cNvSpPr>
          <p:nvPr>
            <p:ph type="pic" sz="quarter" idx="20" hasCustomPrompt="1"/>
          </p:nvPr>
        </p:nvSpPr>
        <p:spPr>
          <a:xfrm>
            <a:off x="5715842"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35" name="Billedepladsholder 3">
            <a:extLst>
              <a:ext uri="{FF2B5EF4-FFF2-40B4-BE49-F238E27FC236}">
                <a16:creationId xmlns:a16="http://schemas.microsoft.com/office/drawing/2014/main" id="{1DB3B329-EFF8-2CE9-D20C-F0741A1FB845}"/>
              </a:ext>
            </a:extLst>
          </p:cNvPr>
          <p:cNvSpPr>
            <a:spLocks noGrp="1"/>
          </p:cNvSpPr>
          <p:nvPr>
            <p:ph type="pic" sz="quarter" idx="25" hasCustomPrompt="1"/>
          </p:nvPr>
        </p:nvSpPr>
        <p:spPr>
          <a:xfrm>
            <a:off x="7748000"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0" name="Billedepladsholder 5">
            <a:extLst>
              <a:ext uri="{FF2B5EF4-FFF2-40B4-BE49-F238E27FC236}">
                <a16:creationId xmlns:a16="http://schemas.microsoft.com/office/drawing/2014/main" id="{7F28C2A1-E2A7-AE2A-97D4-D330E0F8F1E9}"/>
              </a:ext>
            </a:extLst>
          </p:cNvPr>
          <p:cNvSpPr>
            <a:spLocks noGrp="1"/>
          </p:cNvSpPr>
          <p:nvPr>
            <p:ph type="pic" sz="quarter" idx="30" hasCustomPrompt="1"/>
          </p:nvPr>
        </p:nvSpPr>
        <p:spPr>
          <a:xfrm>
            <a:off x="9780977"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5" name="Billedepladsholder 6">
            <a:extLst>
              <a:ext uri="{FF2B5EF4-FFF2-40B4-BE49-F238E27FC236}">
                <a16:creationId xmlns:a16="http://schemas.microsoft.com/office/drawing/2014/main" id="{F8A4C92D-38AF-FA22-470D-D6C5CCBBAE30}"/>
              </a:ext>
            </a:extLst>
          </p:cNvPr>
          <p:cNvSpPr>
            <a:spLocks noGrp="1"/>
          </p:cNvSpPr>
          <p:nvPr>
            <p:ph type="pic" sz="quarter" idx="35" hasCustomPrompt="1"/>
          </p:nvPr>
        </p:nvSpPr>
        <p:spPr>
          <a:xfrm>
            <a:off x="3683274"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6" name="Billedepladsholder 7">
            <a:extLst>
              <a:ext uri="{FF2B5EF4-FFF2-40B4-BE49-F238E27FC236}">
                <a16:creationId xmlns:a16="http://schemas.microsoft.com/office/drawing/2014/main" id="{37DD0963-1982-A82D-5AF0-58D686B8C0FB}"/>
              </a:ext>
            </a:extLst>
          </p:cNvPr>
          <p:cNvSpPr>
            <a:spLocks noGrp="1"/>
          </p:cNvSpPr>
          <p:nvPr>
            <p:ph type="pic" sz="quarter" idx="36" hasCustomPrompt="1"/>
          </p:nvPr>
        </p:nvSpPr>
        <p:spPr>
          <a:xfrm>
            <a:off x="5715842"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7" name="Billedepladsholder 8">
            <a:extLst>
              <a:ext uri="{FF2B5EF4-FFF2-40B4-BE49-F238E27FC236}">
                <a16:creationId xmlns:a16="http://schemas.microsoft.com/office/drawing/2014/main" id="{14A5FC0D-0172-3D1B-D51C-AA39B361A595}"/>
              </a:ext>
            </a:extLst>
          </p:cNvPr>
          <p:cNvSpPr>
            <a:spLocks noGrp="1"/>
          </p:cNvSpPr>
          <p:nvPr>
            <p:ph type="pic" sz="quarter" idx="37" hasCustomPrompt="1"/>
          </p:nvPr>
        </p:nvSpPr>
        <p:spPr>
          <a:xfrm>
            <a:off x="7748000"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8" name="Billedepladsholder 9">
            <a:extLst>
              <a:ext uri="{FF2B5EF4-FFF2-40B4-BE49-F238E27FC236}">
                <a16:creationId xmlns:a16="http://schemas.microsoft.com/office/drawing/2014/main" id="{04BFF730-C1A6-26B6-7312-FB7186980B2E}"/>
              </a:ext>
            </a:extLst>
          </p:cNvPr>
          <p:cNvSpPr>
            <a:spLocks noGrp="1"/>
          </p:cNvSpPr>
          <p:nvPr>
            <p:ph type="pic" sz="quarter" idx="38" hasCustomPrompt="1"/>
          </p:nvPr>
        </p:nvSpPr>
        <p:spPr>
          <a:xfrm>
            <a:off x="9780977"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2" name="Titel 1">
            <a:extLst>
              <a:ext uri="{FF2B5EF4-FFF2-40B4-BE49-F238E27FC236}">
                <a16:creationId xmlns:a16="http://schemas.microsoft.com/office/drawing/2014/main" id="{9F85D3E7-D4BC-7BF4-9267-EBAA80F11F25}"/>
              </a:ext>
            </a:extLst>
          </p:cNvPr>
          <p:cNvSpPr>
            <a:spLocks noGrp="1"/>
          </p:cNvSpPr>
          <p:nvPr>
            <p:ph type="title" hasCustomPrompt="1"/>
          </p:nvPr>
        </p:nvSpPr>
        <p:spPr>
          <a:xfrm>
            <a:off x="648000" y="648000"/>
            <a:ext cx="10897200" cy="600697"/>
          </a:xfrm>
        </p:spPr>
        <p:txBody>
          <a:bodyPr/>
          <a:lstStyle>
            <a:lvl1pPr>
              <a:defRPr/>
            </a:lvl1pPr>
          </a:lstStyle>
          <a:p>
            <a:r>
              <a:rPr lang="da-DK" dirty="0"/>
              <a:t>Klik for at indsætte Kontaktpersoner</a:t>
            </a:r>
          </a:p>
        </p:txBody>
      </p:sp>
      <p:sp>
        <p:nvSpPr>
          <p:cNvPr id="8" name="Pladsholder til tekst 7">
            <a:extLst>
              <a:ext uri="{FF2B5EF4-FFF2-40B4-BE49-F238E27FC236}">
                <a16:creationId xmlns:a16="http://schemas.microsoft.com/office/drawing/2014/main" id="{3EE981BC-DD1C-C0DC-77DB-4FB9211CC57D}"/>
              </a:ext>
            </a:extLst>
          </p:cNvPr>
          <p:cNvSpPr>
            <a:spLocks noGrp="1"/>
          </p:cNvSpPr>
          <p:nvPr>
            <p:ph type="body" sz="quarter" idx="13" hasCustomPrompt="1"/>
          </p:nvPr>
        </p:nvSpPr>
        <p:spPr>
          <a:xfrm>
            <a:off x="647700" y="1501897"/>
            <a:ext cx="1858963" cy="2160000"/>
          </a:xfrm>
        </p:spPr>
        <p:txBody>
          <a:bodyPr/>
          <a:lstStyle>
            <a:lvl1pPr marL="0" indent="0">
              <a:lnSpc>
                <a:spcPct val="100000"/>
              </a:lnSpc>
              <a:spcAft>
                <a:spcPts val="600"/>
              </a:spcAft>
              <a:buFont typeface="Arial" panose="020B0604020202020204" pitchFamily="34" charset="0"/>
              <a:buChar char="​"/>
              <a:defRPr sz="1000"/>
            </a:lvl1pPr>
            <a:lvl2pPr marL="0" indent="0">
              <a:lnSpc>
                <a:spcPct val="100000"/>
              </a:lnSpc>
              <a:spcAft>
                <a:spcPts val="0"/>
              </a:spcAft>
              <a:buFont typeface="Arial" panose="020B0604020202020204" pitchFamily="34" charset="0"/>
              <a:buChar char="​"/>
              <a:defRPr sz="1000" b="1"/>
            </a:lvl2pPr>
            <a:lvl3pPr marL="90000" indent="-90000">
              <a:lnSpc>
                <a:spcPct val="100000"/>
              </a:lnSpc>
              <a:spcAft>
                <a:spcPts val="600"/>
              </a:spcAft>
              <a:defRPr sz="1000"/>
            </a:lvl3pPr>
            <a:lvl4pPr marL="180000" indent="-90000">
              <a:lnSpc>
                <a:spcPct val="100000"/>
              </a:lnSpc>
              <a:spcAft>
                <a:spcPts val="600"/>
              </a:spcAft>
              <a:buFont typeface="Arial" panose="020B0604020202020204" pitchFamily="34" charset="0"/>
              <a:buChar char="•"/>
              <a:defRPr sz="1000" b="0"/>
            </a:lvl4pPr>
            <a:lvl5pPr marL="270000" indent="-90000">
              <a:lnSpc>
                <a:spcPct val="100000"/>
              </a:lnSpc>
              <a:spcAft>
                <a:spcPts val="600"/>
              </a:spcAft>
              <a:buFont typeface="Arial" panose="020B0604020202020204" pitchFamily="34" charset="0"/>
              <a:buChar char="•"/>
              <a:defRPr sz="1000"/>
            </a:lvl5pPr>
            <a:lvl6pPr marL="180000" indent="-180000">
              <a:lnSpc>
                <a:spcPct val="93000"/>
              </a:lnSpc>
              <a:spcAft>
                <a:spcPts val="600"/>
              </a:spcAft>
              <a:defRPr sz="2000"/>
            </a:lvl6pPr>
            <a:lvl7pPr>
              <a:lnSpc>
                <a:spcPct val="93000"/>
              </a:lnSpc>
              <a:spcAft>
                <a:spcPts val="0"/>
              </a:spcAft>
              <a:defRPr sz="2000"/>
            </a:lvl7pPr>
            <a:lvl8pPr>
              <a:lnSpc>
                <a:spcPct val="93000"/>
              </a:lnSpc>
              <a:spcAft>
                <a:spcPts val="1200"/>
              </a:spcAft>
              <a:defRPr sz="2000"/>
            </a:lvl8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a:t>
            </a:r>
            <a:endParaRPr lang="da-DK" dirty="0"/>
          </a:p>
        </p:txBody>
      </p:sp>
      <p:sp>
        <p:nvSpPr>
          <p:cNvPr id="19" name="Pladsholder til tekst navn">
            <a:extLst>
              <a:ext uri="{FF2B5EF4-FFF2-40B4-BE49-F238E27FC236}">
                <a16:creationId xmlns:a16="http://schemas.microsoft.com/office/drawing/2014/main" id="{DDEC23B9-63B1-8BA7-FB58-088997549115}"/>
              </a:ext>
            </a:extLst>
          </p:cNvPr>
          <p:cNvSpPr>
            <a:spLocks noGrp="1"/>
          </p:cNvSpPr>
          <p:nvPr>
            <p:ph type="body" sz="quarter" idx="16" hasCustomPrompt="1"/>
          </p:nvPr>
        </p:nvSpPr>
        <p:spPr>
          <a:xfrm>
            <a:off x="3683274"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20" name="Pladsholder til tekst titel">
            <a:extLst>
              <a:ext uri="{FF2B5EF4-FFF2-40B4-BE49-F238E27FC236}">
                <a16:creationId xmlns:a16="http://schemas.microsoft.com/office/drawing/2014/main" id="{C3209B5F-30C5-BE84-44CC-333585A3BF76}"/>
              </a:ext>
            </a:extLst>
          </p:cNvPr>
          <p:cNvSpPr>
            <a:spLocks noGrp="1"/>
          </p:cNvSpPr>
          <p:nvPr>
            <p:ph type="body" sz="quarter" idx="17" hasCustomPrompt="1"/>
          </p:nvPr>
        </p:nvSpPr>
        <p:spPr>
          <a:xfrm>
            <a:off x="3683274"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21" name="Pladsholder til tekst telefon">
            <a:extLst>
              <a:ext uri="{FF2B5EF4-FFF2-40B4-BE49-F238E27FC236}">
                <a16:creationId xmlns:a16="http://schemas.microsoft.com/office/drawing/2014/main" id="{BF5FABDB-6367-759E-E4F7-D8432A45C49A}"/>
              </a:ext>
            </a:extLst>
          </p:cNvPr>
          <p:cNvSpPr>
            <a:spLocks noGrp="1"/>
          </p:cNvSpPr>
          <p:nvPr>
            <p:ph type="body" sz="quarter" idx="18" hasCustomPrompt="1"/>
          </p:nvPr>
        </p:nvSpPr>
        <p:spPr>
          <a:xfrm>
            <a:off x="3683274"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22" name="Pladsholder til tekst email">
            <a:extLst>
              <a:ext uri="{FF2B5EF4-FFF2-40B4-BE49-F238E27FC236}">
                <a16:creationId xmlns:a16="http://schemas.microsoft.com/office/drawing/2014/main" id="{A40AE11C-8823-76DC-0AD3-9E6501850242}"/>
              </a:ext>
            </a:extLst>
          </p:cNvPr>
          <p:cNvSpPr>
            <a:spLocks noGrp="1"/>
          </p:cNvSpPr>
          <p:nvPr>
            <p:ph type="body" sz="quarter" idx="19" hasCustomPrompt="1"/>
          </p:nvPr>
        </p:nvSpPr>
        <p:spPr>
          <a:xfrm>
            <a:off x="3683274"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31" name="Pladsholder til tekst navn">
            <a:extLst>
              <a:ext uri="{FF2B5EF4-FFF2-40B4-BE49-F238E27FC236}">
                <a16:creationId xmlns:a16="http://schemas.microsoft.com/office/drawing/2014/main" id="{7AF5FC5F-69FC-D428-5BE7-9370B292F759}"/>
              </a:ext>
            </a:extLst>
          </p:cNvPr>
          <p:cNvSpPr>
            <a:spLocks noGrp="1"/>
          </p:cNvSpPr>
          <p:nvPr>
            <p:ph type="body" sz="quarter" idx="21" hasCustomPrompt="1"/>
          </p:nvPr>
        </p:nvSpPr>
        <p:spPr>
          <a:xfrm>
            <a:off x="5715842"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32" name="Pladsholder til tekst titel">
            <a:extLst>
              <a:ext uri="{FF2B5EF4-FFF2-40B4-BE49-F238E27FC236}">
                <a16:creationId xmlns:a16="http://schemas.microsoft.com/office/drawing/2014/main" id="{303419BD-1ACC-9F1C-2C65-AAE5BD24242F}"/>
              </a:ext>
            </a:extLst>
          </p:cNvPr>
          <p:cNvSpPr>
            <a:spLocks noGrp="1"/>
          </p:cNvSpPr>
          <p:nvPr>
            <p:ph type="body" sz="quarter" idx="22" hasCustomPrompt="1"/>
          </p:nvPr>
        </p:nvSpPr>
        <p:spPr>
          <a:xfrm>
            <a:off x="5715842"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33" name="Pladsholder til tekst telefon">
            <a:extLst>
              <a:ext uri="{FF2B5EF4-FFF2-40B4-BE49-F238E27FC236}">
                <a16:creationId xmlns:a16="http://schemas.microsoft.com/office/drawing/2014/main" id="{4B8F2474-8241-8548-EA98-CE6CA98B3C7E}"/>
              </a:ext>
            </a:extLst>
          </p:cNvPr>
          <p:cNvSpPr>
            <a:spLocks noGrp="1"/>
          </p:cNvSpPr>
          <p:nvPr>
            <p:ph type="body" sz="quarter" idx="23" hasCustomPrompt="1"/>
          </p:nvPr>
        </p:nvSpPr>
        <p:spPr>
          <a:xfrm>
            <a:off x="5715842"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34" name="Pladsholder til tekst email">
            <a:extLst>
              <a:ext uri="{FF2B5EF4-FFF2-40B4-BE49-F238E27FC236}">
                <a16:creationId xmlns:a16="http://schemas.microsoft.com/office/drawing/2014/main" id="{D50DCBDA-5CB8-CCDF-2907-82D11E830C4A}"/>
              </a:ext>
            </a:extLst>
          </p:cNvPr>
          <p:cNvSpPr>
            <a:spLocks noGrp="1"/>
          </p:cNvSpPr>
          <p:nvPr>
            <p:ph type="body" sz="quarter" idx="24" hasCustomPrompt="1"/>
          </p:nvPr>
        </p:nvSpPr>
        <p:spPr>
          <a:xfrm>
            <a:off x="5715842"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36" name="Pladsholder til tekst navn">
            <a:extLst>
              <a:ext uri="{FF2B5EF4-FFF2-40B4-BE49-F238E27FC236}">
                <a16:creationId xmlns:a16="http://schemas.microsoft.com/office/drawing/2014/main" id="{920160E7-6ED1-3E72-227F-E94236A4C6CE}"/>
              </a:ext>
            </a:extLst>
          </p:cNvPr>
          <p:cNvSpPr>
            <a:spLocks noGrp="1"/>
          </p:cNvSpPr>
          <p:nvPr>
            <p:ph type="body" sz="quarter" idx="26" hasCustomPrompt="1"/>
          </p:nvPr>
        </p:nvSpPr>
        <p:spPr>
          <a:xfrm>
            <a:off x="7748000"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37" name="Pladsholder til tekst titel">
            <a:extLst>
              <a:ext uri="{FF2B5EF4-FFF2-40B4-BE49-F238E27FC236}">
                <a16:creationId xmlns:a16="http://schemas.microsoft.com/office/drawing/2014/main" id="{DF65F25A-90E8-EE26-D6F7-843E85CEBC2F}"/>
              </a:ext>
            </a:extLst>
          </p:cNvPr>
          <p:cNvSpPr>
            <a:spLocks noGrp="1"/>
          </p:cNvSpPr>
          <p:nvPr>
            <p:ph type="body" sz="quarter" idx="27" hasCustomPrompt="1"/>
          </p:nvPr>
        </p:nvSpPr>
        <p:spPr>
          <a:xfrm>
            <a:off x="7748000"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38" name="Pladsholder til tekst telefon">
            <a:extLst>
              <a:ext uri="{FF2B5EF4-FFF2-40B4-BE49-F238E27FC236}">
                <a16:creationId xmlns:a16="http://schemas.microsoft.com/office/drawing/2014/main" id="{A331EDAB-58A2-28AD-89F9-41103F16EAF9}"/>
              </a:ext>
            </a:extLst>
          </p:cNvPr>
          <p:cNvSpPr>
            <a:spLocks noGrp="1"/>
          </p:cNvSpPr>
          <p:nvPr>
            <p:ph type="body" sz="quarter" idx="28" hasCustomPrompt="1"/>
          </p:nvPr>
        </p:nvSpPr>
        <p:spPr>
          <a:xfrm>
            <a:off x="7748000"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39" name="Pladsholder til tekst email">
            <a:extLst>
              <a:ext uri="{FF2B5EF4-FFF2-40B4-BE49-F238E27FC236}">
                <a16:creationId xmlns:a16="http://schemas.microsoft.com/office/drawing/2014/main" id="{E9A7C2BF-43A6-509A-B1BD-CBFA75CA3FF8}"/>
              </a:ext>
            </a:extLst>
          </p:cNvPr>
          <p:cNvSpPr>
            <a:spLocks noGrp="1"/>
          </p:cNvSpPr>
          <p:nvPr>
            <p:ph type="body" sz="quarter" idx="29" hasCustomPrompt="1"/>
          </p:nvPr>
        </p:nvSpPr>
        <p:spPr>
          <a:xfrm>
            <a:off x="7748000"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41" name="Pladsholder til tekst navn">
            <a:extLst>
              <a:ext uri="{FF2B5EF4-FFF2-40B4-BE49-F238E27FC236}">
                <a16:creationId xmlns:a16="http://schemas.microsoft.com/office/drawing/2014/main" id="{89E01B39-9686-2A85-4C6C-A71C2DDF751C}"/>
              </a:ext>
            </a:extLst>
          </p:cNvPr>
          <p:cNvSpPr>
            <a:spLocks noGrp="1"/>
          </p:cNvSpPr>
          <p:nvPr>
            <p:ph type="body" sz="quarter" idx="31" hasCustomPrompt="1"/>
          </p:nvPr>
        </p:nvSpPr>
        <p:spPr>
          <a:xfrm>
            <a:off x="9780977"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42" name="Pladsholder til tekst titel">
            <a:extLst>
              <a:ext uri="{FF2B5EF4-FFF2-40B4-BE49-F238E27FC236}">
                <a16:creationId xmlns:a16="http://schemas.microsoft.com/office/drawing/2014/main" id="{7E736C66-F9F4-38BD-4566-82A58A9D1B31}"/>
              </a:ext>
            </a:extLst>
          </p:cNvPr>
          <p:cNvSpPr>
            <a:spLocks noGrp="1"/>
          </p:cNvSpPr>
          <p:nvPr>
            <p:ph type="body" sz="quarter" idx="32" hasCustomPrompt="1"/>
          </p:nvPr>
        </p:nvSpPr>
        <p:spPr>
          <a:xfrm>
            <a:off x="9780977"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43" name="Pladsholder til tekst telefon">
            <a:extLst>
              <a:ext uri="{FF2B5EF4-FFF2-40B4-BE49-F238E27FC236}">
                <a16:creationId xmlns:a16="http://schemas.microsoft.com/office/drawing/2014/main" id="{4C1F4AC3-BC20-CEB5-62E5-4FF7C4085A15}"/>
              </a:ext>
            </a:extLst>
          </p:cNvPr>
          <p:cNvSpPr>
            <a:spLocks noGrp="1"/>
          </p:cNvSpPr>
          <p:nvPr>
            <p:ph type="body" sz="quarter" idx="33" hasCustomPrompt="1"/>
          </p:nvPr>
        </p:nvSpPr>
        <p:spPr>
          <a:xfrm>
            <a:off x="9780977"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44" name="Pladsholder til tekst email">
            <a:extLst>
              <a:ext uri="{FF2B5EF4-FFF2-40B4-BE49-F238E27FC236}">
                <a16:creationId xmlns:a16="http://schemas.microsoft.com/office/drawing/2014/main" id="{9174F344-0B5E-994B-E79C-9E0BB38E7275}"/>
              </a:ext>
            </a:extLst>
          </p:cNvPr>
          <p:cNvSpPr>
            <a:spLocks noGrp="1"/>
          </p:cNvSpPr>
          <p:nvPr>
            <p:ph type="body" sz="quarter" idx="34" hasCustomPrompt="1"/>
          </p:nvPr>
        </p:nvSpPr>
        <p:spPr>
          <a:xfrm>
            <a:off x="9780977"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49" name="Pladsholder til tekst navn">
            <a:extLst>
              <a:ext uri="{FF2B5EF4-FFF2-40B4-BE49-F238E27FC236}">
                <a16:creationId xmlns:a16="http://schemas.microsoft.com/office/drawing/2014/main" id="{8432BB7C-8FF8-4C5B-1D49-F4C91B849C5F}"/>
              </a:ext>
            </a:extLst>
          </p:cNvPr>
          <p:cNvSpPr>
            <a:spLocks noGrp="1"/>
          </p:cNvSpPr>
          <p:nvPr>
            <p:ph type="body" sz="quarter" idx="39" hasCustomPrompt="1"/>
          </p:nvPr>
        </p:nvSpPr>
        <p:spPr>
          <a:xfrm>
            <a:off x="3683274"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0" name="Pladsholder til tekst titel">
            <a:extLst>
              <a:ext uri="{FF2B5EF4-FFF2-40B4-BE49-F238E27FC236}">
                <a16:creationId xmlns:a16="http://schemas.microsoft.com/office/drawing/2014/main" id="{331A4753-0F4F-6447-9D4E-42B1AD57CC46}"/>
              </a:ext>
            </a:extLst>
          </p:cNvPr>
          <p:cNvSpPr>
            <a:spLocks noGrp="1"/>
          </p:cNvSpPr>
          <p:nvPr>
            <p:ph type="body" sz="quarter" idx="40" hasCustomPrompt="1"/>
          </p:nvPr>
        </p:nvSpPr>
        <p:spPr>
          <a:xfrm>
            <a:off x="3683274"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1" name="Pladsholder til tekst telefon">
            <a:extLst>
              <a:ext uri="{FF2B5EF4-FFF2-40B4-BE49-F238E27FC236}">
                <a16:creationId xmlns:a16="http://schemas.microsoft.com/office/drawing/2014/main" id="{938027F6-4E6A-2776-F904-DB81D5A7F588}"/>
              </a:ext>
            </a:extLst>
          </p:cNvPr>
          <p:cNvSpPr>
            <a:spLocks noGrp="1"/>
          </p:cNvSpPr>
          <p:nvPr>
            <p:ph type="body" sz="quarter" idx="41" hasCustomPrompt="1"/>
          </p:nvPr>
        </p:nvSpPr>
        <p:spPr>
          <a:xfrm>
            <a:off x="3683274"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52" name="Pladsholder til tekst email">
            <a:extLst>
              <a:ext uri="{FF2B5EF4-FFF2-40B4-BE49-F238E27FC236}">
                <a16:creationId xmlns:a16="http://schemas.microsoft.com/office/drawing/2014/main" id="{5F816DA7-6027-0DE1-4B5B-C4C530ABFA99}"/>
              </a:ext>
            </a:extLst>
          </p:cNvPr>
          <p:cNvSpPr>
            <a:spLocks noGrp="1"/>
          </p:cNvSpPr>
          <p:nvPr>
            <p:ph type="body" sz="quarter" idx="42" hasCustomPrompt="1"/>
          </p:nvPr>
        </p:nvSpPr>
        <p:spPr>
          <a:xfrm>
            <a:off x="3683274"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53" name="Pladsholder til tekst navn">
            <a:extLst>
              <a:ext uri="{FF2B5EF4-FFF2-40B4-BE49-F238E27FC236}">
                <a16:creationId xmlns:a16="http://schemas.microsoft.com/office/drawing/2014/main" id="{106F6799-AB94-A6B6-2EA5-B2186191683A}"/>
              </a:ext>
            </a:extLst>
          </p:cNvPr>
          <p:cNvSpPr>
            <a:spLocks noGrp="1"/>
          </p:cNvSpPr>
          <p:nvPr>
            <p:ph type="body" sz="quarter" idx="43" hasCustomPrompt="1"/>
          </p:nvPr>
        </p:nvSpPr>
        <p:spPr>
          <a:xfrm>
            <a:off x="5715842"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4" name="Pladsholder til tekst titel">
            <a:extLst>
              <a:ext uri="{FF2B5EF4-FFF2-40B4-BE49-F238E27FC236}">
                <a16:creationId xmlns:a16="http://schemas.microsoft.com/office/drawing/2014/main" id="{D8500375-766E-C0ED-EC8F-763C54FB4AA2}"/>
              </a:ext>
            </a:extLst>
          </p:cNvPr>
          <p:cNvSpPr>
            <a:spLocks noGrp="1"/>
          </p:cNvSpPr>
          <p:nvPr>
            <p:ph type="body" sz="quarter" idx="44" hasCustomPrompt="1"/>
          </p:nvPr>
        </p:nvSpPr>
        <p:spPr>
          <a:xfrm>
            <a:off x="5715842"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5" name="Pladsholder til tekst telefon">
            <a:extLst>
              <a:ext uri="{FF2B5EF4-FFF2-40B4-BE49-F238E27FC236}">
                <a16:creationId xmlns:a16="http://schemas.microsoft.com/office/drawing/2014/main" id="{E39F80E4-7B49-768B-2732-A83AEC9A6A3F}"/>
              </a:ext>
            </a:extLst>
          </p:cNvPr>
          <p:cNvSpPr>
            <a:spLocks noGrp="1"/>
          </p:cNvSpPr>
          <p:nvPr>
            <p:ph type="body" sz="quarter" idx="45" hasCustomPrompt="1"/>
          </p:nvPr>
        </p:nvSpPr>
        <p:spPr>
          <a:xfrm>
            <a:off x="5715842"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56" name="Pladsholder til tekst email">
            <a:extLst>
              <a:ext uri="{FF2B5EF4-FFF2-40B4-BE49-F238E27FC236}">
                <a16:creationId xmlns:a16="http://schemas.microsoft.com/office/drawing/2014/main" id="{188D0902-6190-B9B1-CB44-973DC8CD6F37}"/>
              </a:ext>
            </a:extLst>
          </p:cNvPr>
          <p:cNvSpPr>
            <a:spLocks noGrp="1"/>
          </p:cNvSpPr>
          <p:nvPr>
            <p:ph type="body" sz="quarter" idx="46" hasCustomPrompt="1"/>
          </p:nvPr>
        </p:nvSpPr>
        <p:spPr>
          <a:xfrm>
            <a:off x="5715842"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57" name="Pladsholder til tekst navn">
            <a:extLst>
              <a:ext uri="{FF2B5EF4-FFF2-40B4-BE49-F238E27FC236}">
                <a16:creationId xmlns:a16="http://schemas.microsoft.com/office/drawing/2014/main" id="{85DC99C2-7071-892E-C4C2-45472FE764B8}"/>
              </a:ext>
            </a:extLst>
          </p:cNvPr>
          <p:cNvSpPr>
            <a:spLocks noGrp="1"/>
          </p:cNvSpPr>
          <p:nvPr>
            <p:ph type="body" sz="quarter" idx="47" hasCustomPrompt="1"/>
          </p:nvPr>
        </p:nvSpPr>
        <p:spPr>
          <a:xfrm>
            <a:off x="7748000"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8" name="Pladsholder til tekst titel">
            <a:extLst>
              <a:ext uri="{FF2B5EF4-FFF2-40B4-BE49-F238E27FC236}">
                <a16:creationId xmlns:a16="http://schemas.microsoft.com/office/drawing/2014/main" id="{A2E967C9-3226-CDB4-EA4D-9B6D0C5E2A24}"/>
              </a:ext>
            </a:extLst>
          </p:cNvPr>
          <p:cNvSpPr>
            <a:spLocks noGrp="1"/>
          </p:cNvSpPr>
          <p:nvPr>
            <p:ph type="body" sz="quarter" idx="48" hasCustomPrompt="1"/>
          </p:nvPr>
        </p:nvSpPr>
        <p:spPr>
          <a:xfrm>
            <a:off x="7748000"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9" name="Pladsholder til tekst telefon">
            <a:extLst>
              <a:ext uri="{FF2B5EF4-FFF2-40B4-BE49-F238E27FC236}">
                <a16:creationId xmlns:a16="http://schemas.microsoft.com/office/drawing/2014/main" id="{C31F4BB1-07AC-88F2-BD8C-51370CDA5666}"/>
              </a:ext>
            </a:extLst>
          </p:cNvPr>
          <p:cNvSpPr>
            <a:spLocks noGrp="1"/>
          </p:cNvSpPr>
          <p:nvPr>
            <p:ph type="body" sz="quarter" idx="49" hasCustomPrompt="1"/>
          </p:nvPr>
        </p:nvSpPr>
        <p:spPr>
          <a:xfrm>
            <a:off x="7748000"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60" name="Pladsholder til tekst email">
            <a:extLst>
              <a:ext uri="{FF2B5EF4-FFF2-40B4-BE49-F238E27FC236}">
                <a16:creationId xmlns:a16="http://schemas.microsoft.com/office/drawing/2014/main" id="{1E4B9B18-3A05-58D6-2B27-C3F8AEF05979}"/>
              </a:ext>
            </a:extLst>
          </p:cNvPr>
          <p:cNvSpPr>
            <a:spLocks noGrp="1"/>
          </p:cNvSpPr>
          <p:nvPr>
            <p:ph type="body" sz="quarter" idx="50" hasCustomPrompt="1"/>
          </p:nvPr>
        </p:nvSpPr>
        <p:spPr>
          <a:xfrm>
            <a:off x="7748000"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61" name="Pladsholder til tekst navn">
            <a:extLst>
              <a:ext uri="{FF2B5EF4-FFF2-40B4-BE49-F238E27FC236}">
                <a16:creationId xmlns:a16="http://schemas.microsoft.com/office/drawing/2014/main" id="{F49CA797-098A-8C23-D937-D0988C7A9E1B}"/>
              </a:ext>
            </a:extLst>
          </p:cNvPr>
          <p:cNvSpPr>
            <a:spLocks noGrp="1"/>
          </p:cNvSpPr>
          <p:nvPr>
            <p:ph type="body" sz="quarter" idx="51" hasCustomPrompt="1"/>
          </p:nvPr>
        </p:nvSpPr>
        <p:spPr>
          <a:xfrm>
            <a:off x="9780977"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62" name="Pladsholder til tekst titel">
            <a:extLst>
              <a:ext uri="{FF2B5EF4-FFF2-40B4-BE49-F238E27FC236}">
                <a16:creationId xmlns:a16="http://schemas.microsoft.com/office/drawing/2014/main" id="{0363CF2B-31E5-06B8-12F7-6CDE00B0BACA}"/>
              </a:ext>
            </a:extLst>
          </p:cNvPr>
          <p:cNvSpPr>
            <a:spLocks noGrp="1"/>
          </p:cNvSpPr>
          <p:nvPr>
            <p:ph type="body" sz="quarter" idx="52" hasCustomPrompt="1"/>
          </p:nvPr>
        </p:nvSpPr>
        <p:spPr>
          <a:xfrm>
            <a:off x="9780977"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63" name="Pladsholder til tekst telefon">
            <a:extLst>
              <a:ext uri="{FF2B5EF4-FFF2-40B4-BE49-F238E27FC236}">
                <a16:creationId xmlns:a16="http://schemas.microsoft.com/office/drawing/2014/main" id="{5EDB1C35-FE4F-EE6B-663C-12899B61B1BB}"/>
              </a:ext>
            </a:extLst>
          </p:cNvPr>
          <p:cNvSpPr>
            <a:spLocks noGrp="1"/>
          </p:cNvSpPr>
          <p:nvPr>
            <p:ph type="body" sz="quarter" idx="53" hasCustomPrompt="1"/>
          </p:nvPr>
        </p:nvSpPr>
        <p:spPr>
          <a:xfrm>
            <a:off x="9780977"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64" name="Pladsholder til tekst email">
            <a:extLst>
              <a:ext uri="{FF2B5EF4-FFF2-40B4-BE49-F238E27FC236}">
                <a16:creationId xmlns:a16="http://schemas.microsoft.com/office/drawing/2014/main" id="{5DAD35C9-BE12-B632-7CB3-900FC3DCE595}"/>
              </a:ext>
            </a:extLst>
          </p:cNvPr>
          <p:cNvSpPr>
            <a:spLocks noGrp="1"/>
          </p:cNvSpPr>
          <p:nvPr>
            <p:ph type="body" sz="quarter" idx="54" hasCustomPrompt="1"/>
          </p:nvPr>
        </p:nvSpPr>
        <p:spPr>
          <a:xfrm>
            <a:off x="9780977"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Tree>
    <p:extLst>
      <p:ext uri="{BB962C8B-B14F-4D97-AF65-F5344CB8AC3E}">
        <p14:creationId xmlns:p14="http://schemas.microsoft.com/office/powerpoint/2010/main" val="3026970537"/>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Afslutning">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F4854BEB-E42B-41CA-9C2A-29C2A5ED8DE1}"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pic>
        <p:nvPicPr>
          <p:cNvPr id="5" name="Billede 4" descr="Et billede, der indeholder tekst, skærmbillede, Font/skrifttype, Grafik&#10;&#10;Automatisk genereret beskrivelse" hidden="1">
            <a:extLst>
              <a:ext uri="{FF2B5EF4-FFF2-40B4-BE49-F238E27FC236}">
                <a16:creationId xmlns:a16="http://schemas.microsoft.com/office/drawing/2014/main" id="{ADCC5258-33C0-3757-42A9-281F183866AE}"/>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428"/>
            <a:ext cx="12192000" cy="6857143"/>
          </a:xfrm>
          <a:prstGeom prst="rect">
            <a:avLst/>
          </a:prstGeom>
        </p:spPr>
      </p:pic>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24000" rIns="360000" bIns="360000" anchor="ctr" anchorCtr="0">
            <a:noAutofit/>
          </a:bodyPr>
          <a:lstStyle>
            <a:lvl1pPr algn="ctr">
              <a:lnSpc>
                <a:spcPct val="100000"/>
              </a:lnSpc>
              <a:defRPr sz="9600" b="0">
                <a:solidFill>
                  <a:schemeClr val="accent1"/>
                </a:solidFill>
              </a:defRPr>
            </a:lvl1pPr>
          </a:lstStyle>
          <a:p>
            <a:r>
              <a:rPr lang="da-DK" dirty="0"/>
              <a:t>Klik og tilføj titel</a:t>
            </a:r>
          </a:p>
        </p:txBody>
      </p:sp>
    </p:spTree>
    <p:extLst>
      <p:ext uri="{BB962C8B-B14F-4D97-AF65-F5344CB8AC3E}">
        <p14:creationId xmlns:p14="http://schemas.microsoft.com/office/powerpoint/2010/main" val="3839251777"/>
      </p:ext>
    </p:extLst>
  </p:cSld>
  <p:clrMapOvr>
    <a:overrideClrMapping bg1="lt1" tx1="dk1" bg2="lt2" tx2="dk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Forside billede B">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14" name="Kombinationstegning: figur 13">
            <a:extLst>
              <a:ext uri="{FF2B5EF4-FFF2-40B4-BE49-F238E27FC236}">
                <a16:creationId xmlns:a16="http://schemas.microsoft.com/office/drawing/2014/main" id="{EFD08B09-ECAF-2DC3-10D0-D8A84F43E315}"/>
              </a:ext>
            </a:extLst>
          </p:cNvPr>
          <p:cNvSpPr>
            <a:spLocks noGrp="1" noRot="1" noMove="1" noResize="1" noEditPoints="1" noAdjustHandles="1" noChangeArrowheads="1" noChangeShapeType="1"/>
          </p:cNvSpPr>
          <p:nvPr userDrawn="1"/>
        </p:nvSpPr>
        <p:spPr bwMode="ltGray">
          <a:xfrm>
            <a:off x="388800" y="388800"/>
            <a:ext cx="11415600" cy="2664000"/>
          </a:xfrm>
          <a:custGeom>
            <a:avLst/>
            <a:gdLst>
              <a:gd name="connsiteX0" fmla="*/ 268957 w 11415600"/>
              <a:gd name="connsiteY0" fmla="*/ 0 h 2664000"/>
              <a:gd name="connsiteX1" fmla="*/ 11146643 w 11415600"/>
              <a:gd name="connsiteY1" fmla="*/ 0 h 2664000"/>
              <a:gd name="connsiteX2" fmla="*/ 11415600 w 11415600"/>
              <a:gd name="connsiteY2" fmla="*/ 268957 h 2664000"/>
              <a:gd name="connsiteX3" fmla="*/ 11415600 w 11415600"/>
              <a:gd name="connsiteY3" fmla="*/ 1274000 h 2664000"/>
              <a:gd name="connsiteX4" fmla="*/ 11415600 w 11415600"/>
              <a:gd name="connsiteY4" fmla="*/ 2395043 h 2664000"/>
              <a:gd name="connsiteX5" fmla="*/ 11415600 w 11415600"/>
              <a:gd name="connsiteY5" fmla="*/ 2664000 h 2664000"/>
              <a:gd name="connsiteX6" fmla="*/ 11146643 w 11415600"/>
              <a:gd name="connsiteY6" fmla="*/ 2664000 h 2664000"/>
              <a:gd name="connsiteX7" fmla="*/ 10025600 w 11415600"/>
              <a:gd name="connsiteY7" fmla="*/ 2664000 h 2664000"/>
              <a:gd name="connsiteX8" fmla="*/ 268957 w 11415600"/>
              <a:gd name="connsiteY8" fmla="*/ 2664000 h 2664000"/>
              <a:gd name="connsiteX9" fmla="*/ 0 w 11415600"/>
              <a:gd name="connsiteY9" fmla="*/ 2395043 h 2664000"/>
              <a:gd name="connsiteX10" fmla="*/ 0 w 11415600"/>
              <a:gd name="connsiteY10" fmla="*/ 268957 h 2664000"/>
              <a:gd name="connsiteX11" fmla="*/ 268957 w 11415600"/>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415600" h="2664000">
                <a:moveTo>
                  <a:pt x="268957" y="0"/>
                </a:moveTo>
                <a:lnTo>
                  <a:pt x="11146643" y="0"/>
                </a:lnTo>
                <a:cubicBezTo>
                  <a:pt x="11295184" y="0"/>
                  <a:pt x="11415600" y="120416"/>
                  <a:pt x="11415600" y="268957"/>
                </a:cubicBezTo>
                <a:lnTo>
                  <a:pt x="11415600" y="1274000"/>
                </a:lnTo>
                <a:lnTo>
                  <a:pt x="11415600" y="2395043"/>
                </a:lnTo>
                <a:lnTo>
                  <a:pt x="11415600" y="2664000"/>
                </a:lnTo>
                <a:lnTo>
                  <a:pt x="11146643" y="2664000"/>
                </a:lnTo>
                <a:lnTo>
                  <a:pt x="10025600" y="2664000"/>
                </a:lnTo>
                <a:lnTo>
                  <a:pt x="268957" y="2664000"/>
                </a:lnTo>
                <a:cubicBezTo>
                  <a:pt x="120416" y="2664000"/>
                  <a:pt x="0" y="2543584"/>
                  <a:pt x="0" y="2395043"/>
                </a:cubicBezTo>
                <a:lnTo>
                  <a:pt x="0" y="268957"/>
                </a:lnTo>
                <a:cubicBezTo>
                  <a:pt x="0" y="120416"/>
                  <a:pt x="120416" y="0"/>
                  <a:pt x="268957"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0" name="Navne kasse">
            <a:extLst>
              <a:ext uri="{FF2B5EF4-FFF2-40B4-BE49-F238E27FC236}">
                <a16:creationId xmlns:a16="http://schemas.microsoft.com/office/drawing/2014/main" id="{6A4A735E-41FE-6B84-92C6-0CF66EC82410}"/>
              </a:ext>
            </a:extLst>
          </p:cNvPr>
          <p:cNvSpPr>
            <a:spLocks noGrp="1" noRot="1" noMove="1" noResize="1" noEditPoints="1" noAdjustHandles="1" noChangeArrowheads="1" noChangeShapeType="1"/>
          </p:cNvSpPr>
          <p:nvPr userDrawn="1"/>
        </p:nvSpPr>
        <p:spPr bwMode="ltGray">
          <a:xfrm>
            <a:off x="388800" y="3181117"/>
            <a:ext cx="3431451" cy="1130401"/>
          </a:xfrm>
          <a:custGeom>
            <a:avLst/>
            <a:gdLst>
              <a:gd name="connsiteX0" fmla="*/ 0 w 3431451"/>
              <a:gd name="connsiteY0" fmla="*/ 0 h 1130401"/>
              <a:gd name="connsiteX1" fmla="*/ 309398 w 3431451"/>
              <a:gd name="connsiteY1" fmla="*/ 0 h 1130401"/>
              <a:gd name="connsiteX2" fmla="*/ 360803 w 3431451"/>
              <a:gd name="connsiteY2" fmla="*/ 0 h 1130401"/>
              <a:gd name="connsiteX3" fmla="*/ 1784429 w 3431451"/>
              <a:gd name="connsiteY3" fmla="*/ 0 h 1130401"/>
              <a:gd name="connsiteX4" fmla="*/ 1984561 w 3431451"/>
              <a:gd name="connsiteY4" fmla="*/ 0 h 1130401"/>
              <a:gd name="connsiteX5" fmla="*/ 2864082 w 3431451"/>
              <a:gd name="connsiteY5" fmla="*/ 0 h 1130401"/>
              <a:gd name="connsiteX6" fmla="*/ 2864082 w 3431451"/>
              <a:gd name="connsiteY6" fmla="*/ 220 h 1130401"/>
              <a:gd name="connsiteX7" fmla="*/ 2866251 w 3431451"/>
              <a:gd name="connsiteY7" fmla="*/ 1 h 1130401"/>
              <a:gd name="connsiteX8" fmla="*/ 3431451 w 3431451"/>
              <a:gd name="connsiteY8" fmla="*/ 565201 h 1130401"/>
              <a:gd name="connsiteX9" fmla="*/ 2866251 w 3431451"/>
              <a:gd name="connsiteY9" fmla="*/ 1130401 h 1130401"/>
              <a:gd name="connsiteX10" fmla="*/ 2864082 w 3431451"/>
              <a:gd name="connsiteY10" fmla="*/ 1130183 h 1130401"/>
              <a:gd name="connsiteX11" fmla="*/ 2864082 w 3431451"/>
              <a:gd name="connsiteY11" fmla="*/ 1130400 h 1130401"/>
              <a:gd name="connsiteX12" fmla="*/ 1784429 w 3431451"/>
              <a:gd name="connsiteY12" fmla="*/ 1130400 h 1130401"/>
              <a:gd name="connsiteX13" fmla="*/ 1784429 w 3431451"/>
              <a:gd name="connsiteY13" fmla="*/ 1129231 h 1130401"/>
              <a:gd name="connsiteX14" fmla="*/ 309398 w 3431451"/>
              <a:gd name="connsiteY14" fmla="*/ 1129231 h 1130401"/>
              <a:gd name="connsiteX15" fmla="*/ 0 w 3431451"/>
              <a:gd name="connsiteY15" fmla="*/ 819833 h 1130401"/>
              <a:gd name="connsiteX16" fmla="*/ 0 w 3431451"/>
              <a:gd name="connsiteY16" fmla="*/ 360803 h 1130401"/>
              <a:gd name="connsiteX17" fmla="*/ 0 w 3431451"/>
              <a:gd name="connsiteY17" fmla="*/ 309398 h 11304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431451" h="1130401">
                <a:moveTo>
                  <a:pt x="0" y="0"/>
                </a:moveTo>
                <a:lnTo>
                  <a:pt x="309398" y="0"/>
                </a:lnTo>
                <a:lnTo>
                  <a:pt x="360803" y="0"/>
                </a:lnTo>
                <a:lnTo>
                  <a:pt x="1784429" y="0"/>
                </a:lnTo>
                <a:lnTo>
                  <a:pt x="1984561" y="0"/>
                </a:lnTo>
                <a:lnTo>
                  <a:pt x="2864082" y="0"/>
                </a:lnTo>
                <a:lnTo>
                  <a:pt x="2864082" y="220"/>
                </a:lnTo>
                <a:lnTo>
                  <a:pt x="2866251" y="1"/>
                </a:lnTo>
                <a:cubicBezTo>
                  <a:pt x="3178402" y="1"/>
                  <a:pt x="3431451" y="253050"/>
                  <a:pt x="3431451" y="565201"/>
                </a:cubicBezTo>
                <a:cubicBezTo>
                  <a:pt x="3431451" y="877352"/>
                  <a:pt x="3178402" y="1130401"/>
                  <a:pt x="2866251" y="1130401"/>
                </a:cubicBezTo>
                <a:lnTo>
                  <a:pt x="2864082" y="1130183"/>
                </a:lnTo>
                <a:lnTo>
                  <a:pt x="2864082" y="1130400"/>
                </a:lnTo>
                <a:lnTo>
                  <a:pt x="1784429" y="1130400"/>
                </a:lnTo>
                <a:lnTo>
                  <a:pt x="1784429" y="1129231"/>
                </a:lnTo>
                <a:lnTo>
                  <a:pt x="309398" y="1129231"/>
                </a:lnTo>
                <a:cubicBezTo>
                  <a:pt x="138522" y="1129231"/>
                  <a:pt x="0" y="990709"/>
                  <a:pt x="0" y="819833"/>
                </a:cubicBezTo>
                <a:lnTo>
                  <a:pt x="0" y="360803"/>
                </a:lnTo>
                <a:lnTo>
                  <a:pt x="0" y="309398"/>
                </a:ln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8000" y="647999"/>
            <a:ext cx="10742076" cy="1908000"/>
          </a:xfrm>
        </p:spPr>
        <p:txBody>
          <a:bodyPr anchor="t" anchorCtr="0"/>
          <a:lstStyle>
            <a:lvl1pPr algn="l">
              <a:defRPr sz="4400">
                <a:solidFill>
                  <a:schemeClr val="bg1"/>
                </a:solidFill>
              </a:defRPr>
            </a:lvl1pPr>
          </a:lstStyle>
          <a:p>
            <a:r>
              <a:rPr lang="da-DK" dirty="0"/>
              <a:t>Klik for at indsætte overskrift – max. tre linjer</a:t>
            </a:r>
          </a:p>
        </p:txBody>
      </p:sp>
      <p:sp>
        <p:nvSpPr>
          <p:cNvPr id="22" name="Pladsholder til tekst navn">
            <a:extLst>
              <a:ext uri="{FF2B5EF4-FFF2-40B4-BE49-F238E27FC236}">
                <a16:creationId xmlns:a16="http://schemas.microsoft.com/office/drawing/2014/main" id="{C3269FE8-18B8-3459-CA89-40A0E170E069}"/>
              </a:ext>
            </a:extLst>
          </p:cNvPr>
          <p:cNvSpPr>
            <a:spLocks noGrp="1"/>
          </p:cNvSpPr>
          <p:nvPr>
            <p:ph type="body" sz="quarter" idx="18" hasCustomPrompt="1"/>
          </p:nvPr>
        </p:nvSpPr>
        <p:spPr>
          <a:xfrm>
            <a:off x="648000" y="3292346"/>
            <a:ext cx="278640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23" name="Pladsholder til tekst efternavn">
            <a:extLst>
              <a:ext uri="{FF2B5EF4-FFF2-40B4-BE49-F238E27FC236}">
                <a16:creationId xmlns:a16="http://schemas.microsoft.com/office/drawing/2014/main" id="{AD574D64-8CDB-3935-F699-5029DE272334}"/>
              </a:ext>
            </a:extLst>
          </p:cNvPr>
          <p:cNvSpPr>
            <a:spLocks noGrp="1"/>
          </p:cNvSpPr>
          <p:nvPr>
            <p:ph type="body" sz="quarter" idx="19" hasCustomPrompt="1"/>
          </p:nvPr>
        </p:nvSpPr>
        <p:spPr>
          <a:xfrm>
            <a:off x="648000" y="3578598"/>
            <a:ext cx="278735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24" name="Date Placeholder 6">
            <a:extLst>
              <a:ext uri="{FF2B5EF4-FFF2-40B4-BE49-F238E27FC236}">
                <a16:creationId xmlns:a16="http://schemas.microsoft.com/office/drawing/2014/main" id="{BC3454EA-FB5D-610A-B68A-406536AE9037}"/>
              </a:ext>
            </a:extLst>
          </p:cNvPr>
          <p:cNvSpPr>
            <a:spLocks noGrp="1"/>
          </p:cNvSpPr>
          <p:nvPr>
            <p:ph type="dt" sz="half" idx="15"/>
          </p:nvPr>
        </p:nvSpPr>
        <p:spPr>
          <a:xfrm>
            <a:off x="648000" y="3872772"/>
            <a:ext cx="2786400" cy="324000"/>
          </a:xfrm>
          <a:prstGeom prst="rect">
            <a:avLst/>
          </a:prstGeom>
        </p:spPr>
        <p:txBody>
          <a:bodyPr anchor="t" anchorCtr="0"/>
          <a:lstStyle>
            <a:lvl1pPr algn="l">
              <a:defRPr sz="2000">
                <a:solidFill>
                  <a:srgbClr val="38025C"/>
                </a:solidFill>
              </a:defRPr>
            </a:lvl1pPr>
          </a:lstStyle>
          <a:p>
            <a:fld id="{395073DB-E2B7-4A43-8E2E-87C86606DD17}" type="datetime2">
              <a:rPr lang="da-DK" smtClean="0"/>
              <a:pPr/>
              <a:t>11. september 2024</a:t>
            </a:fld>
            <a:endParaRPr lang="da-DK" dirty="0"/>
          </a:p>
        </p:txBody>
      </p:sp>
      <p:pic>
        <p:nvPicPr>
          <p:cNvPr id="5" name="Dynamic cover logo hvid" descr="{&quot;templafy&quot;:{&quot;id&quot;:&quot;54e3eedb-bd91-4190-8768-ba5ab3851447&quot;}}">
            <a:extLst>
              <a:ext uri="{FF2B5EF4-FFF2-40B4-BE49-F238E27FC236}">
                <a16:creationId xmlns:a16="http://schemas.microsoft.com/office/drawing/2014/main" id="{CBAD24A7-42C1-A635-8B16-F0C2FCEA5621}"/>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54216444"/>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Kun titel">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p:txBody>
          <a:bodyPr/>
          <a:lstStyle/>
          <a:p>
            <a:r>
              <a:rPr lang="da-DK" dirty="0"/>
              <a:t>Klik for at indsætte overskrift – max. to linjer</a:t>
            </a:r>
          </a:p>
        </p:txBody>
      </p:sp>
      <p:sp>
        <p:nvSpPr>
          <p:cNvPr id="4" name="Pladsholder til dato 3" hidden="1">
            <a:extLst>
              <a:ext uri="{FF2B5EF4-FFF2-40B4-BE49-F238E27FC236}">
                <a16:creationId xmlns:a16="http://schemas.microsoft.com/office/drawing/2014/main" id="{41AAE7BC-9CE9-8428-7088-3A1B95E44BCB}"/>
              </a:ext>
            </a:extLst>
          </p:cNvPr>
          <p:cNvSpPr>
            <a:spLocks noGrp="1"/>
          </p:cNvSpPr>
          <p:nvPr>
            <p:ph type="dt" sz="half" idx="10"/>
          </p:nvPr>
        </p:nvSpPr>
        <p:spPr/>
        <p:txBody>
          <a:bodyPr/>
          <a:lstStyle/>
          <a:p>
            <a:fld id="{B4B7080B-A33B-4641-8B4F-80303CCAA72E}"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3C931EAA-DE0A-C464-7790-14511D235909}"/>
              </a:ext>
            </a:extLst>
          </p:cNvPr>
          <p:cNvSpPr>
            <a:spLocks noGrp="1"/>
          </p:cNvSpPr>
          <p:nvPr>
            <p:ph type="ftr" sz="quarter" idx="11"/>
          </p:nvPr>
        </p:nvSpPr>
        <p:spPr/>
        <p:txBody>
          <a:bodyPr/>
          <a:lstStyle/>
          <a:p>
            <a:endParaRPr lang="da-DK" dirty="0"/>
          </a:p>
        </p:txBody>
      </p:sp>
      <p:sp>
        <p:nvSpPr>
          <p:cNvPr id="9" name="Pladsholder til slidenummer 8" hidden="1">
            <a:extLst>
              <a:ext uri="{FF2B5EF4-FFF2-40B4-BE49-F238E27FC236}">
                <a16:creationId xmlns:a16="http://schemas.microsoft.com/office/drawing/2014/main" id="{8D0BC6D1-031B-BA63-1BDA-490CF8522FD0}"/>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838594849"/>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Kun titel hvid baggr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p:txBody>
          <a:bodyPr/>
          <a:lstStyle/>
          <a:p>
            <a:r>
              <a:rPr lang="da-DK" dirty="0"/>
              <a:t>Klik for at indsætte overskrift – max. to linjer</a:t>
            </a:r>
          </a:p>
        </p:txBody>
      </p:sp>
      <p:sp>
        <p:nvSpPr>
          <p:cNvPr id="4" name="Pladsholder til dato 3" hidden="1">
            <a:extLst>
              <a:ext uri="{FF2B5EF4-FFF2-40B4-BE49-F238E27FC236}">
                <a16:creationId xmlns:a16="http://schemas.microsoft.com/office/drawing/2014/main" id="{443992CA-9B9C-E98F-9158-21A1E13D4683}"/>
              </a:ext>
            </a:extLst>
          </p:cNvPr>
          <p:cNvSpPr>
            <a:spLocks noGrp="1"/>
          </p:cNvSpPr>
          <p:nvPr>
            <p:ph type="dt" sz="half" idx="10"/>
          </p:nvPr>
        </p:nvSpPr>
        <p:spPr/>
        <p:txBody>
          <a:bodyPr/>
          <a:lstStyle/>
          <a:p>
            <a:fld id="{8C389154-4CF1-4174-B8D6-25ABA5D8CB34}"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6E3D451E-3DC3-BEA9-5353-74353F07362D}"/>
              </a:ext>
            </a:extLst>
          </p:cNvPr>
          <p:cNvSpPr>
            <a:spLocks noGrp="1"/>
          </p:cNvSpPr>
          <p:nvPr>
            <p:ph type="ftr" sz="quarter" idx="11"/>
          </p:nvPr>
        </p:nvSpPr>
        <p:spPr/>
        <p:txBody>
          <a:bodyPr/>
          <a:lstStyle/>
          <a:p>
            <a:endParaRPr lang="da-DK" dirty="0"/>
          </a:p>
        </p:txBody>
      </p:sp>
      <p:sp>
        <p:nvSpPr>
          <p:cNvPr id="9" name="Pladsholder til slidenummer 8" hidden="1">
            <a:extLst>
              <a:ext uri="{FF2B5EF4-FFF2-40B4-BE49-F238E27FC236}">
                <a16:creationId xmlns:a16="http://schemas.microsoft.com/office/drawing/2014/main" id="{E73EC7A4-7B62-48FD-120C-CF5D0EBAA099}"/>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45088864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el og undertitel">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a:xfrm>
            <a:off x="648000" y="648000"/>
            <a:ext cx="10897200" cy="520400"/>
          </a:xfrm>
        </p:spPr>
        <p:txBody>
          <a:bodyPr/>
          <a:lstStyle>
            <a:lvl1pPr>
              <a:defRPr/>
            </a:lvl1pPr>
          </a:lstStyle>
          <a:p>
            <a:r>
              <a:rPr lang="da-DK" dirty="0"/>
              <a:t>Klik for at indsætte overskrift – max. en linje</a:t>
            </a:r>
          </a:p>
        </p:txBody>
      </p:sp>
      <p:sp>
        <p:nvSpPr>
          <p:cNvPr id="3" name="Subtitle 2">
            <a:extLst>
              <a:ext uri="{FF2B5EF4-FFF2-40B4-BE49-F238E27FC236}">
                <a16:creationId xmlns:a16="http://schemas.microsoft.com/office/drawing/2014/main" id="{1E69654E-8990-E473-756B-16C7AD7D880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4" name="Pladsholder til dato 3" hidden="1">
            <a:extLst>
              <a:ext uri="{FF2B5EF4-FFF2-40B4-BE49-F238E27FC236}">
                <a16:creationId xmlns:a16="http://schemas.microsoft.com/office/drawing/2014/main" id="{6B04E191-15FC-79B1-0C57-DA7373BCFCA1}"/>
              </a:ext>
            </a:extLst>
          </p:cNvPr>
          <p:cNvSpPr>
            <a:spLocks noGrp="1"/>
          </p:cNvSpPr>
          <p:nvPr>
            <p:ph type="dt" sz="half" idx="14"/>
          </p:nvPr>
        </p:nvSpPr>
        <p:spPr/>
        <p:txBody>
          <a:bodyPr/>
          <a:lstStyle/>
          <a:p>
            <a:fld id="{F52769B8-46DD-439F-B943-03C6F320319F}"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9344B964-0F17-0DA7-F003-EDF58C805E1D}"/>
              </a:ext>
            </a:extLst>
          </p:cNvPr>
          <p:cNvSpPr>
            <a:spLocks noGrp="1"/>
          </p:cNvSpPr>
          <p:nvPr>
            <p:ph type="ftr" sz="quarter" idx="15"/>
          </p:nvPr>
        </p:nvSpPr>
        <p:spPr/>
        <p:txBody>
          <a:bodyPr/>
          <a:lstStyle/>
          <a:p>
            <a:endParaRPr lang="da-DK" dirty="0"/>
          </a:p>
        </p:txBody>
      </p:sp>
      <p:sp>
        <p:nvSpPr>
          <p:cNvPr id="9" name="Pladsholder til slidenummer 8" hidden="1">
            <a:extLst>
              <a:ext uri="{FF2B5EF4-FFF2-40B4-BE49-F238E27FC236}">
                <a16:creationId xmlns:a16="http://schemas.microsoft.com/office/drawing/2014/main" id="{968F98C7-5451-B927-5566-D4FF21E24C74}"/>
              </a:ext>
            </a:extLst>
          </p:cNvPr>
          <p:cNvSpPr>
            <a:spLocks noGrp="1"/>
          </p:cNvSpPr>
          <p:nvPr>
            <p:ph type="sldNum" sz="quarter" idx="16"/>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58552423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itel og undertitel hvid baggr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a:xfrm>
            <a:off x="648000" y="648000"/>
            <a:ext cx="10897200" cy="533100"/>
          </a:xfrm>
        </p:spPr>
        <p:txBody>
          <a:bodyPr/>
          <a:lstStyle>
            <a:lvl1pPr>
              <a:defRPr/>
            </a:lvl1pPr>
          </a:lstStyle>
          <a:p>
            <a:r>
              <a:rPr lang="da-DK" dirty="0"/>
              <a:t>Klik for at indsætte overskrift – max. en linje</a:t>
            </a:r>
          </a:p>
        </p:txBody>
      </p:sp>
      <p:sp>
        <p:nvSpPr>
          <p:cNvPr id="3" name="Subtitle 2">
            <a:extLst>
              <a:ext uri="{FF2B5EF4-FFF2-40B4-BE49-F238E27FC236}">
                <a16:creationId xmlns:a16="http://schemas.microsoft.com/office/drawing/2014/main" id="{9CE971E7-E9A6-5F46-76A9-6772A8A82456}"/>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4" name="Pladsholder til dato 3" hidden="1">
            <a:extLst>
              <a:ext uri="{FF2B5EF4-FFF2-40B4-BE49-F238E27FC236}">
                <a16:creationId xmlns:a16="http://schemas.microsoft.com/office/drawing/2014/main" id="{AD7DC154-B3C3-53BC-1D63-20E5281D509A}"/>
              </a:ext>
            </a:extLst>
          </p:cNvPr>
          <p:cNvSpPr>
            <a:spLocks noGrp="1"/>
          </p:cNvSpPr>
          <p:nvPr>
            <p:ph type="dt" sz="half" idx="14"/>
          </p:nvPr>
        </p:nvSpPr>
        <p:spPr/>
        <p:txBody>
          <a:bodyPr/>
          <a:lstStyle/>
          <a:p>
            <a:fld id="{B544925F-5445-4B8E-9D16-CB89C0D77AC9}"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704AB3EB-C0A9-4AE3-DF38-0724801F3535}"/>
              </a:ext>
            </a:extLst>
          </p:cNvPr>
          <p:cNvSpPr>
            <a:spLocks noGrp="1"/>
          </p:cNvSpPr>
          <p:nvPr>
            <p:ph type="ftr" sz="quarter" idx="15"/>
          </p:nvPr>
        </p:nvSpPr>
        <p:spPr/>
        <p:txBody>
          <a:bodyPr/>
          <a:lstStyle/>
          <a:p>
            <a:endParaRPr lang="da-DK" dirty="0"/>
          </a:p>
        </p:txBody>
      </p:sp>
      <p:sp>
        <p:nvSpPr>
          <p:cNvPr id="9" name="Pladsholder til slidenummer 8" hidden="1">
            <a:extLst>
              <a:ext uri="{FF2B5EF4-FFF2-40B4-BE49-F238E27FC236}">
                <a16:creationId xmlns:a16="http://schemas.microsoft.com/office/drawing/2014/main" id="{7D141EC6-70F0-0B33-1F49-71B8218C7874}"/>
              </a:ext>
            </a:extLst>
          </p:cNvPr>
          <p:cNvSpPr>
            <a:spLocks noGrp="1"/>
          </p:cNvSpPr>
          <p:nvPr>
            <p:ph type="sldNum" sz="quarter" idx="16"/>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91443733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blank" preserve="1">
  <p:cSld name="Tom">
    <p:bg>
      <p:bgPr>
        <a:solidFill>
          <a:schemeClr val="bg2"/>
        </a:solidFill>
        <a:effectLst/>
      </p:bgPr>
    </p:bg>
    <p:spTree>
      <p:nvGrpSpPr>
        <p:cNvPr id="1" name=""/>
        <p:cNvGrpSpPr/>
        <p:nvPr/>
      </p:nvGrpSpPr>
      <p:grpSpPr>
        <a:xfrm>
          <a:off x="0" y="0"/>
          <a:ext cx="0" cy="0"/>
          <a:chOff x="0" y="0"/>
          <a:chExt cx="0" cy="0"/>
        </a:xfrm>
      </p:grpSpPr>
      <p:sp>
        <p:nvSpPr>
          <p:cNvPr id="2" name="Pladsholder til dato 1" hidden="1">
            <a:extLst>
              <a:ext uri="{FF2B5EF4-FFF2-40B4-BE49-F238E27FC236}">
                <a16:creationId xmlns:a16="http://schemas.microsoft.com/office/drawing/2014/main" id="{33BEAC99-3DAC-D9E3-DF78-D2F7FB58E753}"/>
              </a:ext>
            </a:extLst>
          </p:cNvPr>
          <p:cNvSpPr>
            <a:spLocks noGrp="1"/>
          </p:cNvSpPr>
          <p:nvPr>
            <p:ph type="dt" sz="half" idx="10"/>
          </p:nvPr>
        </p:nvSpPr>
        <p:spPr/>
        <p:txBody>
          <a:bodyPr/>
          <a:lstStyle/>
          <a:p>
            <a:fld id="{430D9943-4D8B-4B23-B45B-B6E913461806}" type="datetime2">
              <a:rPr lang="da-DK" smtClean="0"/>
              <a:t>11. september 2024</a:t>
            </a:fld>
            <a:endParaRPr lang="da-DK" dirty="0"/>
          </a:p>
        </p:txBody>
      </p:sp>
      <p:sp>
        <p:nvSpPr>
          <p:cNvPr id="3" name="Pladsholder til sidefod 2" hidden="1">
            <a:extLst>
              <a:ext uri="{FF2B5EF4-FFF2-40B4-BE49-F238E27FC236}">
                <a16:creationId xmlns:a16="http://schemas.microsoft.com/office/drawing/2014/main" id="{67DA998F-68C7-DCA0-13A0-77764713E3E6}"/>
              </a:ext>
            </a:extLst>
          </p:cNvPr>
          <p:cNvSpPr>
            <a:spLocks noGrp="1"/>
          </p:cNvSpPr>
          <p:nvPr>
            <p:ph type="ftr" sz="quarter" idx="11"/>
          </p:nvPr>
        </p:nvSpPr>
        <p:spPr/>
        <p:txBody>
          <a:bodyPr/>
          <a:lstStyle/>
          <a:p>
            <a:endParaRPr lang="da-DK" dirty="0"/>
          </a:p>
        </p:txBody>
      </p:sp>
      <p:sp>
        <p:nvSpPr>
          <p:cNvPr id="4" name="Pladsholder til slidenummer 3" hidden="1">
            <a:extLst>
              <a:ext uri="{FF2B5EF4-FFF2-40B4-BE49-F238E27FC236}">
                <a16:creationId xmlns:a16="http://schemas.microsoft.com/office/drawing/2014/main" id="{04139E55-3E63-075F-7F4B-1FD22A4E247B}"/>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843948884"/>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blank" preserve="1">
  <p:cSld name="Tom hvid baggrund">
    <p:spTree>
      <p:nvGrpSpPr>
        <p:cNvPr id="1" name=""/>
        <p:cNvGrpSpPr/>
        <p:nvPr/>
      </p:nvGrpSpPr>
      <p:grpSpPr>
        <a:xfrm>
          <a:off x="0" y="0"/>
          <a:ext cx="0" cy="0"/>
          <a:chOff x="0" y="0"/>
          <a:chExt cx="0" cy="0"/>
        </a:xfrm>
      </p:grpSpPr>
      <p:sp>
        <p:nvSpPr>
          <p:cNvPr id="2" name="Pladsholder til dato 1" hidden="1">
            <a:extLst>
              <a:ext uri="{FF2B5EF4-FFF2-40B4-BE49-F238E27FC236}">
                <a16:creationId xmlns:a16="http://schemas.microsoft.com/office/drawing/2014/main" id="{74DC9480-EE91-3432-4F0A-318F175FB174}"/>
              </a:ext>
            </a:extLst>
          </p:cNvPr>
          <p:cNvSpPr>
            <a:spLocks noGrp="1"/>
          </p:cNvSpPr>
          <p:nvPr>
            <p:ph type="dt" sz="half" idx="10"/>
          </p:nvPr>
        </p:nvSpPr>
        <p:spPr/>
        <p:txBody>
          <a:bodyPr/>
          <a:lstStyle/>
          <a:p>
            <a:fld id="{5510FFE0-28BF-49CC-8C5D-986A87AEEC93}" type="datetime2">
              <a:rPr lang="da-DK" smtClean="0"/>
              <a:t>11. september 2024</a:t>
            </a:fld>
            <a:endParaRPr lang="da-DK" dirty="0"/>
          </a:p>
        </p:txBody>
      </p:sp>
      <p:sp>
        <p:nvSpPr>
          <p:cNvPr id="3" name="Pladsholder til sidefod 2" hidden="1">
            <a:extLst>
              <a:ext uri="{FF2B5EF4-FFF2-40B4-BE49-F238E27FC236}">
                <a16:creationId xmlns:a16="http://schemas.microsoft.com/office/drawing/2014/main" id="{12DB7BA1-03F5-06D0-E1AA-1FCBE804A9E4}"/>
              </a:ext>
            </a:extLst>
          </p:cNvPr>
          <p:cNvSpPr>
            <a:spLocks noGrp="1"/>
          </p:cNvSpPr>
          <p:nvPr>
            <p:ph type="ftr" sz="quarter" idx="11"/>
          </p:nvPr>
        </p:nvSpPr>
        <p:spPr/>
        <p:txBody>
          <a:bodyPr/>
          <a:lstStyle/>
          <a:p>
            <a:endParaRPr lang="da-DK" dirty="0"/>
          </a:p>
        </p:txBody>
      </p:sp>
      <p:sp>
        <p:nvSpPr>
          <p:cNvPr id="4" name="Pladsholder til slidenummer 3" hidden="1">
            <a:extLst>
              <a:ext uri="{FF2B5EF4-FFF2-40B4-BE49-F238E27FC236}">
                <a16:creationId xmlns:a16="http://schemas.microsoft.com/office/drawing/2014/main" id="{3C4564E3-4D4A-8A2A-0722-87B91F841F8D}"/>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085641847"/>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CB7367D3-674B-48D7-95F9-EAC3851C3AF4}" type="datetime2">
              <a:rPr lang="da-DK" smtClean="0"/>
              <a:t>11. september 2024</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da-DK" smtClean="0"/>
              <a:pPr/>
              <a:t>‹#›</a:t>
            </a:fld>
            <a:endParaRPr lang="da-DK" dirty="0"/>
          </a:p>
        </p:txBody>
      </p:sp>
      <p:sp>
        <p:nvSpPr>
          <p:cNvPr id="3" name="Text Box 3">
            <a:extLst>
              <a:ext uri="{FF2B5EF4-FFF2-40B4-BE49-F238E27FC236}">
                <a16:creationId xmlns:a16="http://schemas.microsoft.com/office/drawing/2014/main" id="{568FD9F8-7382-3BB1-E4DA-EF098D67DE3A}"/>
              </a:ext>
            </a:extLst>
          </p:cNvPr>
          <p:cNvSpPr txBox="1">
            <a:spLocks noChangeArrowheads="1"/>
          </p:cNvSpPr>
          <p:nvPr userDrawn="1"/>
        </p:nvSpPr>
        <p:spPr bwMode="auto">
          <a:xfrm>
            <a:off x="9540902" y="1166821"/>
            <a:ext cx="1678119"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altLang="da-DK" sz="1200" b="0" noProof="1">
                <a:solidFill>
                  <a:schemeClr val="tx1"/>
                </a:solidFill>
                <a:latin typeface="+mn-lt"/>
                <a:cs typeface="Arial" panose="020B0604020202020204" pitchFamily="34" charset="0"/>
              </a:rPr>
              <a:t>COPY/PASTE INDHOLD</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a:t>
            </a:r>
            <a:r>
              <a:rPr lang="da-DK" altLang="da-DK" sz="900" b="0" noProof="1">
                <a:solidFill>
                  <a:srgbClr val="000000"/>
                </a:solidFill>
                <a:latin typeface="+mn-lt"/>
                <a:cs typeface="Arial" panose="020B0604020202020204" pitchFamily="34" charset="0"/>
              </a:rPr>
              <a:t>Når din præsentation er klar, åbner du en tom præsentation (tryk Ctrl+N). Kopier alle dias fra den nye præsentation, indsæt dem i den tomme præsentation. Dette vil sikre, at der ikke er ekstra layouts</a:t>
            </a:r>
            <a:endParaRPr lang="da-DK" altLang="da-DK" sz="900" b="0"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b="0" kern="1200" dirty="0">
                <a:solidFill>
                  <a:schemeClr val="tx1"/>
                </a:solidFill>
                <a:latin typeface="+mn-lt"/>
                <a:ea typeface="+mn-ea"/>
                <a:cs typeface="Arial" panose="020B0604020202020204" pitchFamily="34" charset="0"/>
              </a:rPr>
              <a:t>Farver</a:t>
            </a:r>
            <a:br>
              <a:rPr lang="da-DK" sz="1200" b="0" kern="1200" noProof="1">
                <a:solidFill>
                  <a:schemeClr val="tx1"/>
                </a:solidFill>
                <a:latin typeface="+mn-lt"/>
                <a:ea typeface="+mn-ea"/>
                <a:cs typeface="Arial" panose="020B0604020202020204" pitchFamily="34" charset="0"/>
              </a:rPr>
            </a:br>
            <a:r>
              <a:rPr lang="da-DK" altLang="da-DK" sz="898" b="0" kern="1200" noProof="1">
                <a:solidFill>
                  <a:schemeClr val="tx1"/>
                </a:solidFill>
                <a:latin typeface="+mn-lt"/>
                <a:ea typeface="+mn-ea"/>
                <a:cs typeface="Arial" panose="020B0604020202020204" pitchFamily="34" charset="0"/>
              </a:rPr>
              <a:t>Brug kun de øverste farver i Temafarver og jeres Bruger-definerede farver</a:t>
            </a:r>
            <a:endParaRPr lang="da-DK" altLang="da-DK" sz="673" b="0" kern="1200" noProof="1">
              <a:solidFill>
                <a:schemeClr val="tx1"/>
              </a:solidFill>
              <a:latin typeface="+mn-lt"/>
              <a:ea typeface="+mn-ea"/>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9" name="Text Box 3">
            <a:extLst>
              <a:ext uri="{FF2B5EF4-FFF2-40B4-BE49-F238E27FC236}">
                <a16:creationId xmlns:a16="http://schemas.microsoft.com/office/drawing/2014/main" id="{B11F7A6F-088A-FC38-D8CA-09B99F42C331}"/>
              </a:ext>
            </a:extLst>
          </p:cNvPr>
          <p:cNvSpPr txBox="1">
            <a:spLocks noChangeArrowheads="1"/>
          </p:cNvSpPr>
          <p:nvPr userDrawn="1"/>
        </p:nvSpPr>
        <p:spPr bwMode="auto">
          <a:xfrm>
            <a:off x="3614300" y="1209600"/>
            <a:ext cx="2016000" cy="50212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200" dirty="0">
                <a:latin typeface="+mn-lt"/>
                <a:cs typeface="Arial" panose="020B0604020202020204" pitchFamily="34" charset="0"/>
              </a:rPr>
              <a:t>BILLEDER</a:t>
            </a:r>
            <a:br>
              <a:rPr lang="da-DK" sz="1600" dirty="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 hvis Templafy vinduet ikke er i højre side.</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Vælg billedepladsholder ved at klikke på rammen (helt ude i kant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3.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billeder</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Du kan søge efter billeder i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øge feltet</a:t>
            </a:r>
            <a:br>
              <a:rPr lang="da-DK" altLang="da-DK" sz="900" b="0" noProof="1">
                <a:solidFill>
                  <a:schemeClr val="tx1"/>
                </a:solidFill>
                <a:latin typeface="+mn-lt"/>
                <a:cs typeface="Arial" panose="020B0604020202020204" pitchFamily="34" charset="0"/>
              </a:rPr>
            </a:b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dirty="0"/>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dirty="0"/>
          </a:p>
        </p:txBody>
      </p:sp>
      <p:sp>
        <p:nvSpPr>
          <p:cNvPr id="10" name="Text Box 3">
            <a:extLst>
              <a:ext uri="{FF2B5EF4-FFF2-40B4-BE49-F238E27FC236}">
                <a16:creationId xmlns:a16="http://schemas.microsoft.com/office/drawing/2014/main" id="{911320DA-CD5F-674B-6AE0-27EE25CD8C82}"/>
              </a:ext>
            </a:extLst>
          </p:cNvPr>
          <p:cNvSpPr txBox="1">
            <a:spLocks noChangeArrowheads="1"/>
          </p:cNvSpPr>
          <p:nvPr userDrawn="1"/>
        </p:nvSpPr>
        <p:spPr bwMode="auto">
          <a:xfrm>
            <a:off x="6559058" y="1209600"/>
            <a:ext cx="1883535"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LIDES &amp; SLIDE ELEMENTS</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sz="900" b="0" kern="1200" baseline="0" dirty="0">
                <a:solidFill>
                  <a:schemeClr val="tx1"/>
                </a:solidFill>
                <a:latin typeface="+mn-lt"/>
                <a:ea typeface="+mn-ea"/>
                <a:cs typeface="Arial" panose="020B0604020202020204" pitchFamily="34" charset="0"/>
              </a:rPr>
              <a:t>Indsæt prædefineret slides og slideselementer fra Templafy knappen. Vælg Slides og Slide elements fra dropdown menuen eller knapperne i Templafy vinduet i højre side af skærm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sz="1200" dirty="0">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IDEHOVED &amp; -FOD</a:t>
            </a:r>
            <a:endParaRPr lang="da-DK" altLang="da-DK" sz="12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et enkelt slide</a:t>
            </a:r>
            <a:endParaRPr lang="da-DK" dirty="0"/>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1200" kern="1200" dirty="0">
                <a:solidFill>
                  <a:schemeClr val="tx1"/>
                </a:solidFill>
                <a:latin typeface="+mn-lt"/>
                <a:ea typeface="+mn-ea"/>
                <a:cs typeface="Arial" panose="020B0604020202020204" pitchFamily="34" charset="0"/>
              </a:rPr>
              <a:t>HJÆLPELINJER</a:t>
            </a:r>
            <a:endParaRPr lang="da-DK" altLang="da-DK" sz="1200" kern="1200" noProof="1">
              <a:solidFill>
                <a:schemeClr val="tx1"/>
              </a:solidFill>
              <a:latin typeface="+mn-lt"/>
              <a:ea typeface="+mn-ea"/>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dirty="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dirty="0"/>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11" name="Text Box 2">
            <a:extLst>
              <a:ext uri="{FF2B5EF4-FFF2-40B4-BE49-F238E27FC236}">
                <a16:creationId xmlns:a16="http://schemas.microsoft.com/office/drawing/2014/main" id="{046033EE-C9B4-1990-C42B-9397C107EF26}"/>
              </a:ext>
            </a:extLst>
          </p:cNvPr>
          <p:cNvSpPr txBox="1">
            <a:spLocks noChangeArrowheads="1"/>
          </p:cNvSpPr>
          <p:nvPr userDrawn="1"/>
        </p:nvSpPr>
        <p:spPr bwMode="auto">
          <a:xfrm>
            <a:off x="657735" y="1209600"/>
            <a:ext cx="1859179" cy="492500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TYPOGRAFIER</a:t>
            </a:r>
            <a:endParaRPr lang="da-DK" altLang="da-DK" sz="12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br>
              <a:rPr lang="da-DK" sz="900" b="1" baseline="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ætte korrekt bullet igen.</a:t>
            </a:r>
            <a:br>
              <a:rPr lang="da-DK" altLang="da-DK" sz="900" b="0" noProof="1">
                <a:solidFill>
                  <a:schemeClr val="tx1"/>
                </a:solidFill>
                <a:latin typeface="+mn-lt"/>
                <a:cs typeface="Arial" panose="020B0604020202020204" pitchFamily="34" charset="0"/>
              </a:rPr>
            </a:b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LIDES &amp; LAYOUTS</a:t>
            </a:r>
            <a:br>
              <a:rPr lang="da-DK" sz="1200" dirty="0">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endParaRPr lang="da-DK"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endParaRPr lang="da-DK"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13" name="Billede 12">
            <a:extLst>
              <a:ext uri="{FF2B5EF4-FFF2-40B4-BE49-F238E27FC236}">
                <a16:creationId xmlns:a16="http://schemas.microsoft.com/office/drawing/2014/main" id="{82D09ABA-46E9-2EAB-1CC9-362F41D47A69}"/>
              </a:ext>
            </a:extLst>
          </p:cNvPr>
          <p:cNvPicPr>
            <a:picLocks noChangeAspect="1"/>
          </p:cNvPicPr>
          <p:nvPr userDrawn="1"/>
        </p:nvPicPr>
        <p:blipFill>
          <a:blip r:embed="rId2"/>
          <a:stretch>
            <a:fillRect/>
          </a:stretch>
        </p:blipFill>
        <p:spPr>
          <a:xfrm>
            <a:off x="2748074" y="3933919"/>
            <a:ext cx="308589" cy="528030"/>
          </a:xfrm>
          <a:prstGeom prst="rect">
            <a:avLst/>
          </a:prstGeom>
        </p:spPr>
      </p:pic>
      <p:pic>
        <p:nvPicPr>
          <p:cNvPr id="14" name="Billede 13">
            <a:extLst>
              <a:ext uri="{FF2B5EF4-FFF2-40B4-BE49-F238E27FC236}">
                <a16:creationId xmlns:a16="http://schemas.microsoft.com/office/drawing/2014/main" id="{B412C8C2-D661-A62C-CC02-CB19DBBF6D25}"/>
              </a:ext>
            </a:extLst>
          </p:cNvPr>
          <p:cNvPicPr>
            <a:picLocks noChangeAspect="1"/>
          </p:cNvPicPr>
          <p:nvPr userDrawn="1"/>
        </p:nvPicPr>
        <p:blipFill rotWithShape="1">
          <a:blip r:embed="rId3"/>
          <a:srcRect l="3031"/>
          <a:stretch/>
        </p:blipFill>
        <p:spPr>
          <a:xfrm>
            <a:off x="2654040" y="5512534"/>
            <a:ext cx="496606" cy="172842"/>
          </a:xfrm>
          <a:prstGeom prst="rect">
            <a:avLst/>
          </a:prstGeom>
        </p:spPr>
      </p:pic>
      <p:pic>
        <p:nvPicPr>
          <p:cNvPr id="15" name="Picture 33">
            <a:extLst>
              <a:ext uri="{FF2B5EF4-FFF2-40B4-BE49-F238E27FC236}">
                <a16:creationId xmlns:a16="http://schemas.microsoft.com/office/drawing/2014/main" id="{66CE6200-470B-B94B-92C1-09333B3794BD}"/>
              </a:ext>
            </a:extLst>
          </p:cNvPr>
          <p:cNvPicPr>
            <a:picLocks noChangeAspect="1"/>
          </p:cNvPicPr>
          <p:nvPr userDrawn="1"/>
        </p:nvPicPr>
        <p:blipFill rotWithShape="1">
          <a:blip r:embed="rId4"/>
          <a:srcRect l="3901" t="45142" r="62601" b="9046"/>
          <a:stretch/>
        </p:blipFill>
        <p:spPr>
          <a:xfrm>
            <a:off x="5653432" y="3638578"/>
            <a:ext cx="341204" cy="321707"/>
          </a:xfrm>
          <a:prstGeom prst="rect">
            <a:avLst/>
          </a:prstGeom>
        </p:spPr>
      </p:pic>
      <p:pic>
        <p:nvPicPr>
          <p:cNvPr id="16" name="Billede 15">
            <a:extLst>
              <a:ext uri="{FF2B5EF4-FFF2-40B4-BE49-F238E27FC236}">
                <a16:creationId xmlns:a16="http://schemas.microsoft.com/office/drawing/2014/main" id="{57F8E778-FA94-C464-F2DE-AD49BEC4C46D}"/>
              </a:ext>
            </a:extLst>
          </p:cNvPr>
          <p:cNvPicPr>
            <a:picLocks noChangeAspect="1"/>
          </p:cNvPicPr>
          <p:nvPr userDrawn="1"/>
        </p:nvPicPr>
        <p:blipFill>
          <a:blip r:embed="rId5"/>
          <a:stretch>
            <a:fillRect/>
          </a:stretch>
        </p:blipFill>
        <p:spPr>
          <a:xfrm>
            <a:off x="5679590" y="4501858"/>
            <a:ext cx="366043" cy="480431"/>
          </a:xfrm>
          <a:prstGeom prst="rect">
            <a:avLst/>
          </a:prstGeom>
        </p:spPr>
      </p:pic>
      <p:sp>
        <p:nvSpPr>
          <p:cNvPr id="17" name="Fast overskrift">
            <a:extLst>
              <a:ext uri="{FF2B5EF4-FFF2-40B4-BE49-F238E27FC236}">
                <a16:creationId xmlns:a16="http://schemas.microsoft.com/office/drawing/2014/main" id="{ED54B34D-FE13-7F06-4D15-FE30FDBFFAD1}"/>
              </a:ext>
            </a:extLst>
          </p:cNvPr>
          <p:cNvSpPr txBox="1"/>
          <p:nvPr userDrawn="1"/>
        </p:nvSpPr>
        <p:spPr>
          <a:xfrm>
            <a:off x="647700" y="448713"/>
            <a:ext cx="10895013" cy="650171"/>
          </a:xfrm>
          <a:prstGeom prst="rect">
            <a:avLst/>
          </a:prstGeom>
          <a:noFill/>
        </p:spPr>
        <p:txBody>
          <a:bodyPr wrap="square" lIns="0" tIns="0" rIns="0" bIns="0" rtlCol="0" anchor="t" anchorCtr="0">
            <a:noAutofit/>
          </a:bodyPr>
          <a:lstStyle/>
          <a:p>
            <a:r>
              <a:rPr lang="da-DK" sz="3200" b="0" noProof="1">
                <a:solidFill>
                  <a:schemeClr val="tx1"/>
                </a:solidFill>
                <a:latin typeface="+mj-lt"/>
                <a:cs typeface="Arial" panose="020B0604020202020204" pitchFamily="34" charset="0"/>
              </a:rPr>
              <a:t>TIPS &amp; TRICKS - DIN BRUGERGUIDE</a:t>
            </a:r>
            <a:endParaRPr lang="da-DK" dirty="0"/>
          </a:p>
        </p:txBody>
      </p:sp>
      <p:pic>
        <p:nvPicPr>
          <p:cNvPr id="18" name="Billede 17">
            <a:extLst>
              <a:ext uri="{FF2B5EF4-FFF2-40B4-BE49-F238E27FC236}">
                <a16:creationId xmlns:a16="http://schemas.microsoft.com/office/drawing/2014/main" id="{116A7F14-DA1D-3132-1DFB-E0DFECB127F3}"/>
              </a:ext>
            </a:extLst>
          </p:cNvPr>
          <p:cNvPicPr>
            <a:picLocks noChangeAspect="1"/>
          </p:cNvPicPr>
          <p:nvPr userDrawn="1"/>
        </p:nvPicPr>
        <p:blipFill>
          <a:blip r:embed="rId6"/>
          <a:stretch>
            <a:fillRect/>
          </a:stretch>
        </p:blipFill>
        <p:spPr>
          <a:xfrm>
            <a:off x="8570357" y="3649190"/>
            <a:ext cx="440195" cy="543366"/>
          </a:xfrm>
          <a:prstGeom prst="rect">
            <a:avLst/>
          </a:prstGeom>
        </p:spPr>
      </p:pic>
      <p:grpSp>
        <p:nvGrpSpPr>
          <p:cNvPr id="19" name="Group 1">
            <a:extLst>
              <a:ext uri="{FF2B5EF4-FFF2-40B4-BE49-F238E27FC236}">
                <a16:creationId xmlns:a16="http://schemas.microsoft.com/office/drawing/2014/main" id="{CB292B6F-9509-350B-834A-400AD5D55145}"/>
              </a:ext>
            </a:extLst>
          </p:cNvPr>
          <p:cNvGrpSpPr/>
          <p:nvPr userDrawn="1"/>
        </p:nvGrpSpPr>
        <p:grpSpPr>
          <a:xfrm>
            <a:off x="5625443" y="1602450"/>
            <a:ext cx="473069" cy="697509"/>
            <a:chOff x="5582343" y="1833040"/>
            <a:chExt cx="676669" cy="997704"/>
          </a:xfrm>
        </p:grpSpPr>
        <p:pic>
          <p:nvPicPr>
            <p:cNvPr id="20" name="Billede 26">
              <a:extLst>
                <a:ext uri="{FF2B5EF4-FFF2-40B4-BE49-F238E27FC236}">
                  <a16:creationId xmlns:a16="http://schemas.microsoft.com/office/drawing/2014/main" id="{B9B32A5B-0148-38D7-0B10-65EDF226DBED}"/>
                </a:ext>
              </a:extLst>
            </p:cNvPr>
            <p:cNvPicPr>
              <a:picLocks noChangeAspect="1"/>
            </p:cNvPicPr>
            <p:nvPr userDrawn="1"/>
          </p:nvPicPr>
          <p:blipFill>
            <a:blip r:embed="rId7"/>
            <a:stretch>
              <a:fillRect/>
            </a:stretch>
          </p:blipFill>
          <p:spPr>
            <a:xfrm>
              <a:off x="5582343" y="1833040"/>
              <a:ext cx="305786" cy="365851"/>
            </a:xfrm>
            <a:prstGeom prst="rect">
              <a:avLst/>
            </a:prstGeom>
          </p:spPr>
        </p:pic>
        <p:pic>
          <p:nvPicPr>
            <p:cNvPr id="21" name="Billede 37">
              <a:extLst>
                <a:ext uri="{FF2B5EF4-FFF2-40B4-BE49-F238E27FC236}">
                  <a16:creationId xmlns:a16="http://schemas.microsoft.com/office/drawing/2014/main" id="{52AFAD94-7AF4-F5F5-4493-89D9D4706787}"/>
                </a:ext>
              </a:extLst>
            </p:cNvPr>
            <p:cNvPicPr>
              <a:picLocks noChangeAspect="1"/>
            </p:cNvPicPr>
            <p:nvPr userDrawn="1"/>
          </p:nvPicPr>
          <p:blipFill rotWithShape="1">
            <a:blip r:embed="rId8"/>
            <a:srcRect l="1432" t="16308" r="2422" b="1509"/>
            <a:stretch/>
          </p:blipFill>
          <p:spPr>
            <a:xfrm>
              <a:off x="5584159" y="2202255"/>
              <a:ext cx="674853" cy="628489"/>
            </a:xfrm>
            <a:prstGeom prst="rect">
              <a:avLst/>
            </a:prstGeom>
            <a:ln w="3175">
              <a:solidFill>
                <a:schemeClr val="bg1">
                  <a:lumMod val="95000"/>
                </a:schemeClr>
              </a:solidFill>
            </a:ln>
          </p:spPr>
        </p:pic>
      </p:grpSp>
      <p:pic>
        <p:nvPicPr>
          <p:cNvPr id="24" name="Picture 2" descr="C:\Users\MAV~1.SKA\AppData\Local\Temp\SNAGHTMLe48c1e.PNG">
            <a:extLst>
              <a:ext uri="{FF2B5EF4-FFF2-40B4-BE49-F238E27FC236}">
                <a16:creationId xmlns:a16="http://schemas.microsoft.com/office/drawing/2014/main" id="{1C42B114-65E3-B91E-A803-3C8991BA1103}"/>
              </a:ext>
            </a:extLst>
          </p:cNvPr>
          <p:cNvPicPr>
            <a:picLocks noChangeAspect="1" noChangeArrowheads="1"/>
          </p:cNvPicPr>
          <p:nvPr userDrawn="1"/>
        </p:nvPicPr>
        <p:blipFill>
          <a:blip r:embed="rId9">
            <a:extLst>
              <a:ext uri="{28A0092B-C50C-407E-A947-70E740481C1C}">
                <a14:useLocalDpi xmlns:a14="http://schemas.microsoft.com/office/drawing/2010/main" val="0"/>
              </a:ext>
            </a:extLst>
          </a:blip>
          <a:srcRect/>
          <a:stretch>
            <a:fillRect/>
          </a:stretch>
        </p:blipFill>
        <p:spPr bwMode="auto">
          <a:xfrm>
            <a:off x="8559732" y="1602450"/>
            <a:ext cx="514799" cy="770262"/>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9">
            <a:extLst>
              <a:ext uri="{FF2B5EF4-FFF2-40B4-BE49-F238E27FC236}">
                <a16:creationId xmlns:a16="http://schemas.microsoft.com/office/drawing/2014/main" id="{31A52162-9A87-0E22-6338-9F3F1B1D63FF}"/>
              </a:ext>
            </a:extLst>
          </p:cNvPr>
          <p:cNvPicPr>
            <a:picLocks noChangeAspect="1"/>
          </p:cNvPicPr>
          <p:nvPr userDrawn="1"/>
        </p:nvPicPr>
        <p:blipFill>
          <a:blip r:embed="rId10"/>
          <a:stretch>
            <a:fillRect/>
          </a:stretch>
        </p:blipFill>
        <p:spPr>
          <a:xfrm>
            <a:off x="2687184" y="2430525"/>
            <a:ext cx="457143" cy="257143"/>
          </a:xfrm>
          <a:prstGeom prst="rect">
            <a:avLst/>
          </a:prstGeom>
        </p:spPr>
      </p:pic>
      <p:pic>
        <p:nvPicPr>
          <p:cNvPr id="27" name="Picture 64">
            <a:extLst>
              <a:ext uri="{FF2B5EF4-FFF2-40B4-BE49-F238E27FC236}">
                <a16:creationId xmlns:a16="http://schemas.microsoft.com/office/drawing/2014/main" id="{2643CFC0-FE9F-1E1C-B667-C585DF839B02}"/>
              </a:ext>
            </a:extLst>
          </p:cNvPr>
          <p:cNvPicPr>
            <a:picLocks noChangeAspect="1"/>
          </p:cNvPicPr>
          <p:nvPr userDrawn="1"/>
        </p:nvPicPr>
        <p:blipFill>
          <a:blip r:embed="rId11"/>
          <a:stretch>
            <a:fillRect/>
          </a:stretch>
        </p:blipFill>
        <p:spPr>
          <a:xfrm>
            <a:off x="2679156" y="4742074"/>
            <a:ext cx="475428" cy="176762"/>
          </a:xfrm>
          <a:prstGeom prst="rect">
            <a:avLst/>
          </a:prstGeom>
        </p:spPr>
      </p:pic>
      <p:pic>
        <p:nvPicPr>
          <p:cNvPr id="29" name="Picture 2">
            <a:extLst>
              <a:ext uri="{FF2B5EF4-FFF2-40B4-BE49-F238E27FC236}">
                <a16:creationId xmlns:a16="http://schemas.microsoft.com/office/drawing/2014/main" id="{028DF4AA-A5A9-BA4A-BD41-D16AF99D3B59}"/>
              </a:ext>
            </a:extLst>
          </p:cNvPr>
          <p:cNvPicPr>
            <a:picLocks noChangeAspect="1"/>
          </p:cNvPicPr>
          <p:nvPr userDrawn="1"/>
        </p:nvPicPr>
        <p:blipFill>
          <a:blip r:embed="rId12"/>
          <a:stretch>
            <a:fillRect/>
          </a:stretch>
        </p:blipFill>
        <p:spPr>
          <a:xfrm>
            <a:off x="2748075" y="3050416"/>
            <a:ext cx="311940" cy="346599"/>
          </a:xfrm>
          <a:prstGeom prst="rect">
            <a:avLst/>
          </a:prstGeom>
        </p:spPr>
      </p:pic>
      <p:grpSp>
        <p:nvGrpSpPr>
          <p:cNvPr id="32" name="Gruppe 31">
            <a:extLst>
              <a:ext uri="{FF2B5EF4-FFF2-40B4-BE49-F238E27FC236}">
                <a16:creationId xmlns:a16="http://schemas.microsoft.com/office/drawing/2014/main" id="{FC2F6961-00D3-F436-E8B5-D223D62AA745}"/>
              </a:ext>
            </a:extLst>
          </p:cNvPr>
          <p:cNvGrpSpPr/>
          <p:nvPr userDrawn="1"/>
        </p:nvGrpSpPr>
        <p:grpSpPr>
          <a:xfrm>
            <a:off x="9570057" y="4830455"/>
            <a:ext cx="927343" cy="1578832"/>
            <a:chOff x="9563003" y="4406283"/>
            <a:chExt cx="1014851" cy="1727817"/>
          </a:xfrm>
        </p:grpSpPr>
        <p:pic>
          <p:nvPicPr>
            <p:cNvPr id="33" name="Billede 32">
              <a:extLst>
                <a:ext uri="{FF2B5EF4-FFF2-40B4-BE49-F238E27FC236}">
                  <a16:creationId xmlns:a16="http://schemas.microsoft.com/office/drawing/2014/main" id="{18222481-34D2-4B11-D683-22016351E1C2}"/>
                </a:ext>
              </a:extLst>
            </p:cNvPr>
            <p:cNvPicPr>
              <a:picLocks noChangeAspect="1"/>
            </p:cNvPicPr>
            <p:nvPr userDrawn="1"/>
          </p:nvPicPr>
          <p:blipFill rotWithShape="1">
            <a:blip r:embed="rId13"/>
            <a:srcRect b="16944"/>
            <a:stretch/>
          </p:blipFill>
          <p:spPr>
            <a:xfrm>
              <a:off x="9563003" y="4406283"/>
              <a:ext cx="1002694" cy="1727817"/>
            </a:xfrm>
            <a:prstGeom prst="rect">
              <a:avLst/>
            </a:prstGeom>
          </p:spPr>
        </p:pic>
        <p:sp>
          <p:nvSpPr>
            <p:cNvPr id="35" name="Rectangle 51">
              <a:extLst>
                <a:ext uri="{FF2B5EF4-FFF2-40B4-BE49-F238E27FC236}">
                  <a16:creationId xmlns:a16="http://schemas.microsoft.com/office/drawing/2014/main" id="{BD472571-0114-1975-F595-FCA1E72B8BE9}"/>
                </a:ext>
              </a:extLst>
            </p:cNvPr>
            <p:cNvSpPr/>
            <p:nvPr userDrawn="1"/>
          </p:nvSpPr>
          <p:spPr>
            <a:xfrm>
              <a:off x="9575644" y="4569041"/>
              <a:ext cx="988783" cy="133165"/>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6" dirty="0" err="1"/>
            </a:p>
          </p:txBody>
        </p:sp>
        <p:grpSp>
          <p:nvGrpSpPr>
            <p:cNvPr id="37" name="Gruppe 36">
              <a:extLst>
                <a:ext uri="{FF2B5EF4-FFF2-40B4-BE49-F238E27FC236}">
                  <a16:creationId xmlns:a16="http://schemas.microsoft.com/office/drawing/2014/main" id="{272AD605-6BF3-BDC0-ABA3-1D72C5FD2DB6}"/>
                </a:ext>
              </a:extLst>
            </p:cNvPr>
            <p:cNvGrpSpPr/>
            <p:nvPr userDrawn="1"/>
          </p:nvGrpSpPr>
          <p:grpSpPr>
            <a:xfrm>
              <a:off x="9584924" y="4747897"/>
              <a:ext cx="992930" cy="402799"/>
              <a:chOff x="9568024" y="4815440"/>
              <a:chExt cx="1249527" cy="506891"/>
            </a:xfrm>
          </p:grpSpPr>
          <p:cxnSp>
            <p:nvCxnSpPr>
              <p:cNvPr id="48" name="Straight Connector 52">
                <a:extLst>
                  <a:ext uri="{FF2B5EF4-FFF2-40B4-BE49-F238E27FC236}">
                    <a16:creationId xmlns:a16="http://schemas.microsoft.com/office/drawing/2014/main" id="{8193D6AB-3339-DC63-8D63-3A95A1866B39}"/>
                  </a:ext>
                </a:extLst>
              </p:cNvPr>
              <p:cNvCxnSpPr>
                <a:cxnSpLocks/>
              </p:cNvCxnSpPr>
              <p:nvPr userDrawn="1"/>
            </p:nvCxnSpPr>
            <p:spPr>
              <a:xfrm>
                <a:off x="9568024" y="4815440"/>
                <a:ext cx="1249527" cy="506891"/>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50" name="Straight Connector 53">
                <a:extLst>
                  <a:ext uri="{FF2B5EF4-FFF2-40B4-BE49-F238E27FC236}">
                    <a16:creationId xmlns:a16="http://schemas.microsoft.com/office/drawing/2014/main" id="{AF3549FB-8B33-0992-E724-F9082308A049}"/>
                  </a:ext>
                </a:extLst>
              </p:cNvPr>
              <p:cNvCxnSpPr>
                <a:cxnSpLocks/>
              </p:cNvCxnSpPr>
              <p:nvPr userDrawn="1"/>
            </p:nvCxnSpPr>
            <p:spPr>
              <a:xfrm flipV="1">
                <a:off x="9568024" y="4821266"/>
                <a:ext cx="1235300" cy="50106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grpSp>
          <p:nvGrpSpPr>
            <p:cNvPr id="40" name="Gruppe 39">
              <a:extLst>
                <a:ext uri="{FF2B5EF4-FFF2-40B4-BE49-F238E27FC236}">
                  <a16:creationId xmlns:a16="http://schemas.microsoft.com/office/drawing/2014/main" id="{F7D3E181-D486-8097-BDB1-B3B673E2F6CF}"/>
                </a:ext>
              </a:extLst>
            </p:cNvPr>
            <p:cNvGrpSpPr/>
            <p:nvPr userDrawn="1"/>
          </p:nvGrpSpPr>
          <p:grpSpPr>
            <a:xfrm>
              <a:off x="9593401" y="5998346"/>
              <a:ext cx="958854" cy="95494"/>
              <a:chOff x="9575645" y="6130879"/>
              <a:chExt cx="1232621" cy="122759"/>
            </a:xfrm>
          </p:grpSpPr>
          <p:cxnSp>
            <p:nvCxnSpPr>
              <p:cNvPr id="42" name="Straight Connector 54">
                <a:extLst>
                  <a:ext uri="{FF2B5EF4-FFF2-40B4-BE49-F238E27FC236}">
                    <a16:creationId xmlns:a16="http://schemas.microsoft.com/office/drawing/2014/main" id="{3252C7FB-A823-FDAC-5E63-A75BD9527122}"/>
                  </a:ext>
                </a:extLst>
              </p:cNvPr>
              <p:cNvCxnSpPr>
                <a:cxnSpLocks/>
              </p:cNvCxnSpPr>
              <p:nvPr userDrawn="1"/>
            </p:nvCxnSpPr>
            <p:spPr>
              <a:xfrm>
                <a:off x="9575645" y="6130879"/>
                <a:ext cx="1229914" cy="12275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5" name="Straight Connector 55">
                <a:extLst>
                  <a:ext uri="{FF2B5EF4-FFF2-40B4-BE49-F238E27FC236}">
                    <a16:creationId xmlns:a16="http://schemas.microsoft.com/office/drawing/2014/main" id="{D7A6292C-68E7-6807-502B-637FC6A83C89}"/>
                  </a:ext>
                </a:extLst>
              </p:cNvPr>
              <p:cNvCxnSpPr>
                <a:cxnSpLocks/>
              </p:cNvCxnSpPr>
              <p:nvPr userDrawn="1"/>
            </p:nvCxnSpPr>
            <p:spPr>
              <a:xfrm flipV="1">
                <a:off x="9575645" y="6130880"/>
                <a:ext cx="1232621" cy="12275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1" name="Rectangle 51">
              <a:extLst>
                <a:ext uri="{FF2B5EF4-FFF2-40B4-BE49-F238E27FC236}">
                  <a16:creationId xmlns:a16="http://schemas.microsoft.com/office/drawing/2014/main" id="{27004CDE-31CC-CBE6-689B-3F1C4240BCC1}"/>
                </a:ext>
              </a:extLst>
            </p:cNvPr>
            <p:cNvSpPr/>
            <p:nvPr userDrawn="1"/>
          </p:nvSpPr>
          <p:spPr>
            <a:xfrm>
              <a:off x="9575644" y="5233387"/>
              <a:ext cx="988783" cy="575568"/>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6" dirty="0" err="1"/>
            </a:p>
          </p:txBody>
        </p:sp>
      </p:grpSp>
      <p:cxnSp>
        <p:nvCxnSpPr>
          <p:cNvPr id="51" name="Straight Connector 8">
            <a:extLst>
              <a:ext uri="{FF2B5EF4-FFF2-40B4-BE49-F238E27FC236}">
                <a16:creationId xmlns:a16="http://schemas.microsoft.com/office/drawing/2014/main" id="{19C9CDDD-5EAD-ADDF-FC3B-220732A39D03}"/>
              </a:ext>
            </a:extLst>
          </p:cNvPr>
          <p:cNvCxnSpPr>
            <a:cxnSpLocks/>
          </p:cNvCxnSpPr>
          <p:nvPr userDrawn="1"/>
        </p:nvCxnSpPr>
        <p:spPr>
          <a:xfrm>
            <a:off x="3249649" y="1240357"/>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7" name="Straight Connector 12">
            <a:extLst>
              <a:ext uri="{FF2B5EF4-FFF2-40B4-BE49-F238E27FC236}">
                <a16:creationId xmlns:a16="http://schemas.microsoft.com/office/drawing/2014/main" id="{34644ACD-A5CF-2875-4403-FDE6BA819B2A}"/>
              </a:ext>
            </a:extLst>
          </p:cNvPr>
          <p:cNvCxnSpPr>
            <a:cxnSpLocks/>
          </p:cNvCxnSpPr>
          <p:nvPr userDrawn="1"/>
        </p:nvCxnSpPr>
        <p:spPr>
          <a:xfrm>
            <a:off x="2585274" y="1240357"/>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8" name="Straight Connector 14">
            <a:extLst>
              <a:ext uri="{FF2B5EF4-FFF2-40B4-BE49-F238E27FC236}">
                <a16:creationId xmlns:a16="http://schemas.microsoft.com/office/drawing/2014/main" id="{0E63BC5D-60E5-7DDF-8751-92422DB20CF1}"/>
              </a:ext>
            </a:extLst>
          </p:cNvPr>
          <p:cNvCxnSpPr>
            <a:cxnSpLocks/>
          </p:cNvCxnSpPr>
          <p:nvPr userDrawn="1"/>
        </p:nvCxnSpPr>
        <p:spPr>
          <a:xfrm>
            <a:off x="6199484" y="1240357"/>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9" name="Straight Connector 15">
            <a:extLst>
              <a:ext uri="{FF2B5EF4-FFF2-40B4-BE49-F238E27FC236}">
                <a16:creationId xmlns:a16="http://schemas.microsoft.com/office/drawing/2014/main" id="{4A3A0D13-937F-28E2-9660-D0542682D199}"/>
              </a:ext>
            </a:extLst>
          </p:cNvPr>
          <p:cNvCxnSpPr>
            <a:cxnSpLocks/>
          </p:cNvCxnSpPr>
          <p:nvPr userDrawn="1"/>
        </p:nvCxnSpPr>
        <p:spPr>
          <a:xfrm>
            <a:off x="5535109" y="1240357"/>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0" name="Straight Connector 68">
            <a:extLst>
              <a:ext uri="{FF2B5EF4-FFF2-40B4-BE49-F238E27FC236}">
                <a16:creationId xmlns:a16="http://schemas.microsoft.com/office/drawing/2014/main" id="{F8C253B0-449D-5967-0269-F1BA0F0779C1}"/>
              </a:ext>
            </a:extLst>
          </p:cNvPr>
          <p:cNvCxnSpPr>
            <a:cxnSpLocks/>
          </p:cNvCxnSpPr>
          <p:nvPr userDrawn="1"/>
        </p:nvCxnSpPr>
        <p:spPr>
          <a:xfrm>
            <a:off x="9149319" y="1209600"/>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1" name="Straight Connector 69">
            <a:extLst>
              <a:ext uri="{FF2B5EF4-FFF2-40B4-BE49-F238E27FC236}">
                <a16:creationId xmlns:a16="http://schemas.microsoft.com/office/drawing/2014/main" id="{37457BFF-5C68-8EFE-7E9C-F5C743B63FB5}"/>
              </a:ext>
            </a:extLst>
          </p:cNvPr>
          <p:cNvCxnSpPr>
            <a:cxnSpLocks/>
          </p:cNvCxnSpPr>
          <p:nvPr userDrawn="1"/>
        </p:nvCxnSpPr>
        <p:spPr>
          <a:xfrm>
            <a:off x="8484944" y="1209600"/>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3" name="Straight Connector 73">
            <a:extLst>
              <a:ext uri="{FF2B5EF4-FFF2-40B4-BE49-F238E27FC236}">
                <a16:creationId xmlns:a16="http://schemas.microsoft.com/office/drawing/2014/main" id="{5233C6B9-FADA-DB57-1775-606C8BAA9FFA}"/>
              </a:ext>
            </a:extLst>
          </p:cNvPr>
          <p:cNvCxnSpPr>
            <a:cxnSpLocks/>
          </p:cNvCxnSpPr>
          <p:nvPr userDrawn="1"/>
        </p:nvCxnSpPr>
        <p:spPr>
          <a:xfrm>
            <a:off x="11466847" y="1209600"/>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08004573"/>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accent1"/>
        </a:solid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4" name="Kombinationstegning: figur 12">
            <a:extLst>
              <a:ext uri="{FF2B5EF4-FFF2-40B4-BE49-F238E27FC236}">
                <a16:creationId xmlns:a16="http://schemas.microsoft.com/office/drawing/2014/main" id="{CA386589-75A7-DC7B-07A1-50DE4600CFB0}"/>
              </a:ext>
            </a:extLst>
          </p:cNvPr>
          <p:cNvSpPr/>
          <p:nvPr userDrawn="1"/>
        </p:nvSpPr>
        <p:spPr>
          <a:xfrm rot="5400000">
            <a:off x="6856481" y="2802630"/>
            <a:ext cx="514495" cy="507039"/>
          </a:xfrm>
          <a:custGeom>
            <a:avLst/>
            <a:gdLst>
              <a:gd name="connsiteX0" fmla="*/ 179948 w 514495"/>
              <a:gd name="connsiteY0" fmla="*/ 0 h 507039"/>
              <a:gd name="connsiteX1" fmla="*/ 334547 w 514495"/>
              <a:gd name="connsiteY1" fmla="*/ 0 h 507039"/>
              <a:gd name="connsiteX2" fmla="*/ 514495 w 514495"/>
              <a:gd name="connsiteY2" fmla="*/ 179948 h 507039"/>
              <a:gd name="connsiteX3" fmla="*/ 514495 w 514495"/>
              <a:gd name="connsiteY3" fmla="*/ 327091 h 507039"/>
              <a:gd name="connsiteX4" fmla="*/ 334547 w 514495"/>
              <a:gd name="connsiteY4" fmla="*/ 507039 h 507039"/>
              <a:gd name="connsiteX5" fmla="*/ 180110 w 514495"/>
              <a:gd name="connsiteY5" fmla="*/ 507039 h 507039"/>
              <a:gd name="connsiteX6" fmla="*/ 179948 w 514495"/>
              <a:gd name="connsiteY6" fmla="*/ 507039 h 507039"/>
              <a:gd name="connsiteX7" fmla="*/ 0 w 514495"/>
              <a:gd name="connsiteY7" fmla="*/ 507039 h 507039"/>
              <a:gd name="connsiteX8" fmla="*/ 0 w 514495"/>
              <a:gd name="connsiteY8" fmla="*/ 327091 h 507039"/>
              <a:gd name="connsiteX9" fmla="*/ 0 w 514495"/>
              <a:gd name="connsiteY9" fmla="*/ 286906 h 507039"/>
              <a:gd name="connsiteX10" fmla="*/ 0 w 514495"/>
              <a:gd name="connsiteY10" fmla="*/ 179948 h 507039"/>
              <a:gd name="connsiteX11" fmla="*/ 179948 w 514495"/>
              <a:gd name="connsiteY11" fmla="*/ 0 h 507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495" h="507039">
                <a:moveTo>
                  <a:pt x="179948" y="0"/>
                </a:moveTo>
                <a:lnTo>
                  <a:pt x="334547" y="0"/>
                </a:lnTo>
                <a:cubicBezTo>
                  <a:pt x="433930" y="0"/>
                  <a:pt x="514495" y="80565"/>
                  <a:pt x="514495" y="179948"/>
                </a:cubicBezTo>
                <a:lnTo>
                  <a:pt x="514495" y="327091"/>
                </a:lnTo>
                <a:cubicBezTo>
                  <a:pt x="514495" y="426474"/>
                  <a:pt x="433930" y="507039"/>
                  <a:pt x="334547" y="507039"/>
                </a:cubicBezTo>
                <a:lnTo>
                  <a:pt x="180110" y="507039"/>
                </a:lnTo>
                <a:lnTo>
                  <a:pt x="179948" y="507039"/>
                </a:lnTo>
                <a:lnTo>
                  <a:pt x="0" y="507039"/>
                </a:lnTo>
                <a:lnTo>
                  <a:pt x="0" y="327091"/>
                </a:lnTo>
                <a:lnTo>
                  <a:pt x="0" y="286906"/>
                </a:lnTo>
                <a:lnTo>
                  <a:pt x="0" y="179948"/>
                </a:lnTo>
                <a:cubicBezTo>
                  <a:pt x="0" y="80565"/>
                  <a:pt x="80565" y="0"/>
                  <a:pt x="179948" y="0"/>
                </a:cubicBezTo>
                <a:close/>
              </a:path>
            </a:pathLst>
          </a:custGeom>
          <a:solidFill>
            <a:srgbClr val="A7A4E0"/>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4" name="Titel kasse">
            <a:extLst>
              <a:ext uri="{FF2B5EF4-FFF2-40B4-BE49-F238E27FC236}">
                <a16:creationId xmlns:a16="http://schemas.microsoft.com/office/drawing/2014/main" id="{3CBB74ED-65A9-39F5-79DE-B76C72DC5539}"/>
              </a:ext>
            </a:extLst>
          </p:cNvPr>
          <p:cNvSpPr>
            <a:spLocks noGrp="1" noRot="1" noMove="1" noResize="1" noEditPoints="1" noAdjustHandles="1" noChangeArrowheads="1" noChangeShapeType="1"/>
          </p:cNvSpPr>
          <p:nvPr userDrawn="1"/>
        </p:nvSpPr>
        <p:spPr>
          <a:xfrm>
            <a:off x="388800" y="388800"/>
            <a:ext cx="6214528" cy="2664000"/>
          </a:xfrm>
          <a:custGeom>
            <a:avLst/>
            <a:gdLst>
              <a:gd name="connsiteX0" fmla="*/ 262537 w 6214528"/>
              <a:gd name="connsiteY0" fmla="*/ 0 h 2664000"/>
              <a:gd name="connsiteX1" fmla="*/ 5951991 w 6214528"/>
              <a:gd name="connsiteY1" fmla="*/ 0 h 2664000"/>
              <a:gd name="connsiteX2" fmla="*/ 6214528 w 6214528"/>
              <a:gd name="connsiteY2" fmla="*/ 262537 h 2664000"/>
              <a:gd name="connsiteX3" fmla="*/ 6214528 w 6214528"/>
              <a:gd name="connsiteY3" fmla="*/ 1826775 h 2664000"/>
              <a:gd name="connsiteX4" fmla="*/ 6214528 w 6214528"/>
              <a:gd name="connsiteY4" fmla="*/ 2401463 h 2664000"/>
              <a:gd name="connsiteX5" fmla="*/ 6214528 w 6214528"/>
              <a:gd name="connsiteY5" fmla="*/ 2664000 h 2664000"/>
              <a:gd name="connsiteX6" fmla="*/ 5951991 w 6214528"/>
              <a:gd name="connsiteY6" fmla="*/ 2664000 h 2664000"/>
              <a:gd name="connsiteX7" fmla="*/ 5354820 w 6214528"/>
              <a:gd name="connsiteY7" fmla="*/ 2664000 h 2664000"/>
              <a:gd name="connsiteX8" fmla="*/ 262537 w 6214528"/>
              <a:gd name="connsiteY8" fmla="*/ 2664000 h 2664000"/>
              <a:gd name="connsiteX9" fmla="*/ 0 w 6214528"/>
              <a:gd name="connsiteY9" fmla="*/ 2401463 h 2664000"/>
              <a:gd name="connsiteX10" fmla="*/ 0 w 6214528"/>
              <a:gd name="connsiteY10" fmla="*/ 262537 h 2664000"/>
              <a:gd name="connsiteX11" fmla="*/ 262537 w 6214528"/>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214528" h="2664000">
                <a:moveTo>
                  <a:pt x="262537" y="0"/>
                </a:moveTo>
                <a:lnTo>
                  <a:pt x="5951991" y="0"/>
                </a:lnTo>
                <a:cubicBezTo>
                  <a:pt x="6096986" y="0"/>
                  <a:pt x="6214528" y="117542"/>
                  <a:pt x="6214528" y="262537"/>
                </a:cubicBezTo>
                <a:lnTo>
                  <a:pt x="6214528" y="1826775"/>
                </a:lnTo>
                <a:lnTo>
                  <a:pt x="6214528" y="2401463"/>
                </a:lnTo>
                <a:lnTo>
                  <a:pt x="6214528" y="2664000"/>
                </a:lnTo>
                <a:lnTo>
                  <a:pt x="5951991" y="2664000"/>
                </a:lnTo>
                <a:lnTo>
                  <a:pt x="5354820" y="2664000"/>
                </a:lnTo>
                <a:lnTo>
                  <a:pt x="262537" y="2664000"/>
                </a:lnTo>
                <a:cubicBezTo>
                  <a:pt x="117542" y="2664000"/>
                  <a:pt x="0" y="2546458"/>
                  <a:pt x="0" y="2401463"/>
                </a:cubicBezTo>
                <a:lnTo>
                  <a:pt x="0" y="262537"/>
                </a:lnTo>
                <a:cubicBezTo>
                  <a:pt x="0" y="117542"/>
                  <a:pt x="117542" y="0"/>
                  <a:pt x="262537" y="0"/>
                </a:cubicBez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7999" y="647999"/>
            <a:ext cx="5436163" cy="1908000"/>
          </a:xfrm>
        </p:spPr>
        <p:txBody>
          <a:bodyPr anchor="t" anchorCtr="0"/>
          <a:lstStyle>
            <a:lvl1pPr algn="l">
              <a:defRPr sz="4400"/>
            </a:lvl1pPr>
          </a:lstStyle>
          <a:p>
            <a:r>
              <a:rPr lang="da-DK" dirty="0"/>
              <a:t>Klik for at indsætte overskrift – max. tre linjer</a:t>
            </a:r>
          </a:p>
        </p:txBody>
      </p:sp>
      <p:sp>
        <p:nvSpPr>
          <p:cNvPr id="57" name="Pladsholder til tekst navn">
            <a:extLst>
              <a:ext uri="{FF2B5EF4-FFF2-40B4-BE49-F238E27FC236}">
                <a16:creationId xmlns:a16="http://schemas.microsoft.com/office/drawing/2014/main" id="{2704DDB4-16E8-0563-66A2-CD390B2ADE8C}"/>
              </a:ext>
            </a:extLst>
          </p:cNvPr>
          <p:cNvSpPr>
            <a:spLocks noGrp="1"/>
          </p:cNvSpPr>
          <p:nvPr>
            <p:ph type="body" sz="quarter" idx="18" hasCustomPrompt="1"/>
          </p:nvPr>
        </p:nvSpPr>
        <p:spPr>
          <a:xfrm>
            <a:off x="648000" y="3292346"/>
            <a:ext cx="396000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58" name="Pladsholder til tekst efternavn">
            <a:extLst>
              <a:ext uri="{FF2B5EF4-FFF2-40B4-BE49-F238E27FC236}">
                <a16:creationId xmlns:a16="http://schemas.microsoft.com/office/drawing/2014/main" id="{F6B382D9-8FC1-3803-166D-0FD261AAD634}"/>
              </a:ext>
            </a:extLst>
          </p:cNvPr>
          <p:cNvSpPr>
            <a:spLocks noGrp="1"/>
          </p:cNvSpPr>
          <p:nvPr>
            <p:ph type="body" sz="quarter" idx="19" hasCustomPrompt="1"/>
          </p:nvPr>
        </p:nvSpPr>
        <p:spPr>
          <a:xfrm>
            <a:off x="648000" y="3578598"/>
            <a:ext cx="396000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7" name="Date Placeholder 6">
            <a:extLst>
              <a:ext uri="{FF2B5EF4-FFF2-40B4-BE49-F238E27FC236}">
                <a16:creationId xmlns:a16="http://schemas.microsoft.com/office/drawing/2014/main" id="{FAC78685-2AE8-4790-9E15-2028753F5FF4}"/>
              </a:ext>
            </a:extLst>
          </p:cNvPr>
          <p:cNvSpPr>
            <a:spLocks noGrp="1"/>
          </p:cNvSpPr>
          <p:nvPr>
            <p:ph type="dt" sz="half" idx="15"/>
          </p:nvPr>
        </p:nvSpPr>
        <p:spPr>
          <a:xfrm>
            <a:off x="648000" y="3872772"/>
            <a:ext cx="3960000" cy="324000"/>
          </a:xfrm>
          <a:prstGeom prst="rect">
            <a:avLst/>
          </a:prstGeom>
        </p:spPr>
        <p:txBody>
          <a:bodyPr anchor="t" anchorCtr="0"/>
          <a:lstStyle>
            <a:lvl1pPr algn="l">
              <a:defRPr sz="2000">
                <a:solidFill>
                  <a:schemeClr val="bg1"/>
                </a:solidFill>
              </a:defRPr>
            </a:lvl1pPr>
          </a:lstStyle>
          <a:p>
            <a:fld id="{11D385FF-6CE1-4F3A-8740-3430CCA7CC97}" type="datetime2">
              <a:rPr lang="da-DK" smtClean="0"/>
              <a:t>11. september 2024</a:t>
            </a:fld>
            <a:endParaRPr lang="da-DK" dirty="0"/>
          </a:p>
        </p:txBody>
      </p:sp>
      <p:pic>
        <p:nvPicPr>
          <p:cNvPr id="1057608191" name="Dynamic cover logo hvid" descr="{&quot;templafy&quot;:{&quot;id&quot;:&quot;f77a4a6b-0fc3-46c0-b7bf-d56d806a666f&quot;}}"/>
          <p:cNvPicPr>
            <a:picLocks noChangeAspect="1"/>
          </p:cNvPicPr>
          <p:nvPr/>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1380160981"/>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Forside grafik og billede">
    <p:bg>
      <p:bgPr>
        <a:solidFill>
          <a:schemeClr val="bg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F0F9CC8B-76AD-439D-B13F-C37266E9F73E}" type="datetime2">
              <a:rPr lang="da-DK" smtClean="0"/>
              <a:t>11.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51" name="Kombinationstegning: figur 50">
            <a:extLst>
              <a:ext uri="{FF2B5EF4-FFF2-40B4-BE49-F238E27FC236}">
                <a16:creationId xmlns:a16="http://schemas.microsoft.com/office/drawing/2014/main" id="{E7C26656-999E-E543-4486-447B68DD471C}"/>
              </a:ext>
            </a:extLst>
          </p:cNvPr>
          <p:cNvSpPr/>
          <p:nvPr userDrawn="1"/>
        </p:nvSpPr>
        <p:spPr>
          <a:xfrm>
            <a:off x="1904246" y="245097"/>
            <a:ext cx="5463070" cy="2666656"/>
          </a:xfrm>
          <a:custGeom>
            <a:avLst/>
            <a:gdLst>
              <a:gd name="connsiteX0" fmla="*/ 181093 w 5463070"/>
              <a:gd name="connsiteY0" fmla="*/ 0 h 2666656"/>
              <a:gd name="connsiteX1" fmla="*/ 5281977 w 5463070"/>
              <a:gd name="connsiteY1" fmla="*/ 0 h 2666656"/>
              <a:gd name="connsiteX2" fmla="*/ 5463070 w 5463070"/>
              <a:gd name="connsiteY2" fmla="*/ 181093 h 2666656"/>
              <a:gd name="connsiteX3" fmla="*/ 5463070 w 5463070"/>
              <a:gd name="connsiteY3" fmla="*/ 2485563 h 2666656"/>
              <a:gd name="connsiteX4" fmla="*/ 5281977 w 5463070"/>
              <a:gd name="connsiteY4" fmla="*/ 2666656 h 2666656"/>
              <a:gd name="connsiteX5" fmla="*/ 575035 w 5463070"/>
              <a:gd name="connsiteY5" fmla="*/ 2666656 h 2666656"/>
              <a:gd name="connsiteX6" fmla="*/ 181093 w 5463070"/>
              <a:gd name="connsiteY6" fmla="*/ 2666656 h 2666656"/>
              <a:gd name="connsiteX7" fmla="*/ 0 w 5463070"/>
              <a:gd name="connsiteY7" fmla="*/ 2666656 h 2666656"/>
              <a:gd name="connsiteX8" fmla="*/ 0 w 5463070"/>
              <a:gd name="connsiteY8" fmla="*/ 2485563 h 2666656"/>
              <a:gd name="connsiteX9" fmla="*/ 0 w 5463070"/>
              <a:gd name="connsiteY9" fmla="*/ 2082194 h 2666656"/>
              <a:gd name="connsiteX10" fmla="*/ 0 w 5463070"/>
              <a:gd name="connsiteY10" fmla="*/ 181093 h 2666656"/>
              <a:gd name="connsiteX11" fmla="*/ 181093 w 5463070"/>
              <a:gd name="connsiteY11" fmla="*/ 0 h 26666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463070" h="2666656">
                <a:moveTo>
                  <a:pt x="181093" y="0"/>
                </a:moveTo>
                <a:lnTo>
                  <a:pt x="5281977" y="0"/>
                </a:lnTo>
                <a:cubicBezTo>
                  <a:pt x="5381992" y="0"/>
                  <a:pt x="5463070" y="81078"/>
                  <a:pt x="5463070" y="181093"/>
                </a:cubicBezTo>
                <a:lnTo>
                  <a:pt x="5463070" y="2485563"/>
                </a:lnTo>
                <a:cubicBezTo>
                  <a:pt x="5463070" y="2585578"/>
                  <a:pt x="5381992" y="2666656"/>
                  <a:pt x="5281977" y="2666656"/>
                </a:cubicBezTo>
                <a:lnTo>
                  <a:pt x="575035" y="2666656"/>
                </a:lnTo>
                <a:lnTo>
                  <a:pt x="181093" y="2666656"/>
                </a:lnTo>
                <a:lnTo>
                  <a:pt x="0" y="2666656"/>
                </a:lnTo>
                <a:lnTo>
                  <a:pt x="0" y="2485563"/>
                </a:lnTo>
                <a:lnTo>
                  <a:pt x="0" y="2082194"/>
                </a:lnTo>
                <a:lnTo>
                  <a:pt x="0" y="181093"/>
                </a:lnTo>
                <a:cubicBezTo>
                  <a:pt x="0" y="81078"/>
                  <a:pt x="81078" y="0"/>
                  <a:pt x="181093"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9" name="Kombinationstegning: figur 48">
            <a:extLst>
              <a:ext uri="{FF2B5EF4-FFF2-40B4-BE49-F238E27FC236}">
                <a16:creationId xmlns:a16="http://schemas.microsoft.com/office/drawing/2014/main" id="{755B547F-186A-F034-8199-2C5F8838F2F1}"/>
              </a:ext>
            </a:extLst>
          </p:cNvPr>
          <p:cNvSpPr/>
          <p:nvPr userDrawn="1"/>
        </p:nvSpPr>
        <p:spPr>
          <a:xfrm>
            <a:off x="0" y="1"/>
            <a:ext cx="1653766" cy="2900487"/>
          </a:xfrm>
          <a:custGeom>
            <a:avLst/>
            <a:gdLst>
              <a:gd name="connsiteX0" fmla="*/ 0 w 1653766"/>
              <a:gd name="connsiteY0" fmla="*/ 0 h 2900487"/>
              <a:gd name="connsiteX1" fmla="*/ 163177 w 1653766"/>
              <a:gd name="connsiteY1" fmla="*/ 0 h 2900487"/>
              <a:gd name="connsiteX2" fmla="*/ 575035 w 1653766"/>
              <a:gd name="connsiteY2" fmla="*/ 0 h 2900487"/>
              <a:gd name="connsiteX3" fmla="*/ 1078731 w 1653766"/>
              <a:gd name="connsiteY3" fmla="*/ 0 h 2900487"/>
              <a:gd name="connsiteX4" fmla="*/ 1490589 w 1653766"/>
              <a:gd name="connsiteY4" fmla="*/ 0 h 2900487"/>
              <a:gd name="connsiteX5" fmla="*/ 1653766 w 1653766"/>
              <a:gd name="connsiteY5" fmla="*/ 0 h 2900487"/>
              <a:gd name="connsiteX6" fmla="*/ 1653766 w 1653766"/>
              <a:gd name="connsiteY6" fmla="*/ 163177 h 2900487"/>
              <a:gd name="connsiteX7" fmla="*/ 1653766 w 1653766"/>
              <a:gd name="connsiteY7" fmla="*/ 584462 h 2900487"/>
              <a:gd name="connsiteX8" fmla="*/ 1653766 w 1653766"/>
              <a:gd name="connsiteY8" fmla="*/ 2737310 h 2900487"/>
              <a:gd name="connsiteX9" fmla="*/ 1490589 w 1653766"/>
              <a:gd name="connsiteY9" fmla="*/ 2900487 h 2900487"/>
              <a:gd name="connsiteX10" fmla="*/ 575035 w 1653766"/>
              <a:gd name="connsiteY10" fmla="*/ 2900487 h 2900487"/>
              <a:gd name="connsiteX11" fmla="*/ 163177 w 1653766"/>
              <a:gd name="connsiteY11" fmla="*/ 2900487 h 2900487"/>
              <a:gd name="connsiteX12" fmla="*/ 0 w 1653766"/>
              <a:gd name="connsiteY12" fmla="*/ 2900487 h 2900487"/>
              <a:gd name="connsiteX13" fmla="*/ 0 w 1653766"/>
              <a:gd name="connsiteY13" fmla="*/ 2737310 h 2900487"/>
              <a:gd name="connsiteX14" fmla="*/ 0 w 1653766"/>
              <a:gd name="connsiteY14" fmla="*/ 2316025 h 2900487"/>
              <a:gd name="connsiteX15" fmla="*/ 0 w 1653766"/>
              <a:gd name="connsiteY15" fmla="*/ 584462 h 2900487"/>
              <a:gd name="connsiteX16" fmla="*/ 0 w 1653766"/>
              <a:gd name="connsiteY16" fmla="*/ 163177 h 2900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653766" h="2900487">
                <a:moveTo>
                  <a:pt x="0" y="0"/>
                </a:moveTo>
                <a:lnTo>
                  <a:pt x="163177" y="0"/>
                </a:lnTo>
                <a:lnTo>
                  <a:pt x="575035" y="0"/>
                </a:lnTo>
                <a:lnTo>
                  <a:pt x="1078731" y="0"/>
                </a:lnTo>
                <a:lnTo>
                  <a:pt x="1490589" y="0"/>
                </a:lnTo>
                <a:lnTo>
                  <a:pt x="1653766" y="0"/>
                </a:lnTo>
                <a:lnTo>
                  <a:pt x="1653766" y="163177"/>
                </a:lnTo>
                <a:lnTo>
                  <a:pt x="1653766" y="584462"/>
                </a:lnTo>
                <a:lnTo>
                  <a:pt x="1653766" y="2737310"/>
                </a:lnTo>
                <a:cubicBezTo>
                  <a:pt x="1653766" y="2827430"/>
                  <a:pt x="1580709" y="2900487"/>
                  <a:pt x="1490589" y="2900487"/>
                </a:cubicBezTo>
                <a:lnTo>
                  <a:pt x="575035" y="2900487"/>
                </a:lnTo>
                <a:lnTo>
                  <a:pt x="163177" y="2900487"/>
                </a:lnTo>
                <a:lnTo>
                  <a:pt x="0" y="2900487"/>
                </a:lnTo>
                <a:lnTo>
                  <a:pt x="0" y="2737310"/>
                </a:lnTo>
                <a:lnTo>
                  <a:pt x="0" y="2316025"/>
                </a:lnTo>
                <a:lnTo>
                  <a:pt x="0" y="584462"/>
                </a:lnTo>
                <a:lnTo>
                  <a:pt x="0" y="163177"/>
                </a:ln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52" name="Kombinationstegning: figur 51">
            <a:extLst>
              <a:ext uri="{FF2B5EF4-FFF2-40B4-BE49-F238E27FC236}">
                <a16:creationId xmlns:a16="http://schemas.microsoft.com/office/drawing/2014/main" id="{CAE133EE-A739-6965-8F7E-F72BBBD76339}"/>
              </a:ext>
            </a:extLst>
          </p:cNvPr>
          <p:cNvSpPr/>
          <p:nvPr userDrawn="1"/>
        </p:nvSpPr>
        <p:spPr>
          <a:xfrm>
            <a:off x="2541456" y="3171189"/>
            <a:ext cx="2029111" cy="1015913"/>
          </a:xfrm>
          <a:custGeom>
            <a:avLst/>
            <a:gdLst>
              <a:gd name="connsiteX0" fmla="*/ 173752 w 2029111"/>
              <a:gd name="connsiteY0" fmla="*/ 0 h 1015913"/>
              <a:gd name="connsiteX1" fmla="*/ 1855359 w 2029111"/>
              <a:gd name="connsiteY1" fmla="*/ 0 h 1015913"/>
              <a:gd name="connsiteX2" fmla="*/ 2029111 w 2029111"/>
              <a:gd name="connsiteY2" fmla="*/ 173752 h 1015913"/>
              <a:gd name="connsiteX3" fmla="*/ 2029111 w 2029111"/>
              <a:gd name="connsiteY3" fmla="*/ 431451 h 1015913"/>
              <a:gd name="connsiteX4" fmla="*/ 2029111 w 2029111"/>
              <a:gd name="connsiteY4" fmla="*/ 842161 h 1015913"/>
              <a:gd name="connsiteX5" fmla="*/ 2029111 w 2029111"/>
              <a:gd name="connsiteY5" fmla="*/ 1015913 h 1015913"/>
              <a:gd name="connsiteX6" fmla="*/ 1855359 w 2029111"/>
              <a:gd name="connsiteY6" fmla="*/ 1015913 h 1015913"/>
              <a:gd name="connsiteX7" fmla="*/ 1454076 w 2029111"/>
              <a:gd name="connsiteY7" fmla="*/ 1015913 h 1015913"/>
              <a:gd name="connsiteX8" fmla="*/ 173752 w 2029111"/>
              <a:gd name="connsiteY8" fmla="*/ 1015913 h 1015913"/>
              <a:gd name="connsiteX9" fmla="*/ 0 w 2029111"/>
              <a:gd name="connsiteY9" fmla="*/ 842161 h 1015913"/>
              <a:gd name="connsiteX10" fmla="*/ 0 w 2029111"/>
              <a:gd name="connsiteY10" fmla="*/ 173752 h 1015913"/>
              <a:gd name="connsiteX11" fmla="*/ 173752 w 2029111"/>
              <a:gd name="connsiteY11" fmla="*/ 0 h 1015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29111" h="1015913">
                <a:moveTo>
                  <a:pt x="173752" y="0"/>
                </a:moveTo>
                <a:lnTo>
                  <a:pt x="1855359" y="0"/>
                </a:lnTo>
                <a:cubicBezTo>
                  <a:pt x="1951320" y="0"/>
                  <a:pt x="2029111" y="77791"/>
                  <a:pt x="2029111" y="173752"/>
                </a:cubicBezTo>
                <a:lnTo>
                  <a:pt x="2029111" y="431451"/>
                </a:lnTo>
                <a:lnTo>
                  <a:pt x="2029111" y="842161"/>
                </a:lnTo>
                <a:lnTo>
                  <a:pt x="2029111" y="1015913"/>
                </a:lnTo>
                <a:lnTo>
                  <a:pt x="1855359" y="1015913"/>
                </a:lnTo>
                <a:lnTo>
                  <a:pt x="1454076" y="1015913"/>
                </a:lnTo>
                <a:lnTo>
                  <a:pt x="173752" y="1015913"/>
                </a:lnTo>
                <a:cubicBezTo>
                  <a:pt x="77791" y="1015913"/>
                  <a:pt x="0" y="938122"/>
                  <a:pt x="0" y="842161"/>
                </a:cubicBezTo>
                <a:lnTo>
                  <a:pt x="0" y="173752"/>
                </a:lnTo>
                <a:cubicBezTo>
                  <a:pt x="0" y="77791"/>
                  <a:pt x="77791" y="0"/>
                  <a:pt x="173752"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9" y="647999"/>
            <a:ext cx="6246514" cy="2052000"/>
          </a:xfrm>
        </p:spPr>
        <p:txBody>
          <a:bodyPr anchor="t" anchorCtr="0"/>
          <a:lstStyle>
            <a:lvl1pPr algn="l">
              <a:defRPr sz="4800">
                <a:solidFill>
                  <a:schemeClr val="accent1"/>
                </a:solidFill>
              </a:defRPr>
            </a:lvl1pPr>
          </a:lstStyle>
          <a:p>
            <a:r>
              <a:rPr lang="da-DK" dirty="0"/>
              <a:t>Klik for at indsætte overskrift – max. tre linjer</a:t>
            </a:r>
          </a:p>
        </p:txBody>
      </p:sp>
      <p:sp>
        <p:nvSpPr>
          <p:cNvPr id="10" name="Pladsholder til billede 9">
            <a:extLst>
              <a:ext uri="{FF2B5EF4-FFF2-40B4-BE49-F238E27FC236}">
                <a16:creationId xmlns:a16="http://schemas.microsoft.com/office/drawing/2014/main" id="{DC6C5979-C79E-DC54-42DC-16CE569AC6B9}"/>
              </a:ext>
            </a:extLst>
          </p:cNvPr>
          <p:cNvSpPr>
            <a:spLocks noGrp="1"/>
          </p:cNvSpPr>
          <p:nvPr>
            <p:ph type="pic" sz="quarter" idx="14" hasCustomPrompt="1"/>
          </p:nvPr>
        </p:nvSpPr>
        <p:spPr>
          <a:xfrm>
            <a:off x="4823104" y="3171189"/>
            <a:ext cx="7368895" cy="3053532"/>
          </a:xfrm>
          <a:custGeom>
            <a:avLst/>
            <a:gdLst>
              <a:gd name="connsiteX0" fmla="*/ 153837 w 7368895"/>
              <a:gd name="connsiteY0" fmla="*/ 0 h 3053532"/>
              <a:gd name="connsiteX1" fmla="*/ 6614751 w 7368895"/>
              <a:gd name="connsiteY1" fmla="*/ 0 h 3053532"/>
              <a:gd name="connsiteX2" fmla="*/ 7215058 w 7368895"/>
              <a:gd name="connsiteY2" fmla="*/ 0 h 3053532"/>
              <a:gd name="connsiteX3" fmla="*/ 7368895 w 7368895"/>
              <a:gd name="connsiteY3" fmla="*/ 0 h 3053532"/>
              <a:gd name="connsiteX4" fmla="*/ 7368895 w 7368895"/>
              <a:gd name="connsiteY4" fmla="*/ 153837 h 3053532"/>
              <a:gd name="connsiteX5" fmla="*/ 7368895 w 7368895"/>
              <a:gd name="connsiteY5" fmla="*/ 820132 h 3053532"/>
              <a:gd name="connsiteX6" fmla="*/ 7368895 w 7368895"/>
              <a:gd name="connsiteY6" fmla="*/ 2233400 h 3053532"/>
              <a:gd name="connsiteX7" fmla="*/ 7368895 w 7368895"/>
              <a:gd name="connsiteY7" fmla="*/ 2899695 h 3053532"/>
              <a:gd name="connsiteX8" fmla="*/ 7368895 w 7368895"/>
              <a:gd name="connsiteY8" fmla="*/ 3053532 h 3053532"/>
              <a:gd name="connsiteX9" fmla="*/ 7215058 w 7368895"/>
              <a:gd name="connsiteY9" fmla="*/ 3053532 h 3053532"/>
              <a:gd name="connsiteX10" fmla="*/ 6614751 w 7368895"/>
              <a:gd name="connsiteY10" fmla="*/ 3053532 h 3053532"/>
              <a:gd name="connsiteX11" fmla="*/ 153837 w 7368895"/>
              <a:gd name="connsiteY11" fmla="*/ 3053532 h 3053532"/>
              <a:gd name="connsiteX12" fmla="*/ 0 w 7368895"/>
              <a:gd name="connsiteY12" fmla="*/ 2899695 h 3053532"/>
              <a:gd name="connsiteX13" fmla="*/ 0 w 7368895"/>
              <a:gd name="connsiteY13" fmla="*/ 153837 h 3053532"/>
              <a:gd name="connsiteX14" fmla="*/ 153837 w 7368895"/>
              <a:gd name="connsiteY14" fmla="*/ 0 h 3053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368895" h="3053532">
                <a:moveTo>
                  <a:pt x="153837" y="0"/>
                </a:moveTo>
                <a:lnTo>
                  <a:pt x="6614751" y="0"/>
                </a:lnTo>
                <a:lnTo>
                  <a:pt x="7215058" y="0"/>
                </a:lnTo>
                <a:lnTo>
                  <a:pt x="7368895" y="0"/>
                </a:lnTo>
                <a:lnTo>
                  <a:pt x="7368895" y="153837"/>
                </a:lnTo>
                <a:lnTo>
                  <a:pt x="7368895" y="820132"/>
                </a:lnTo>
                <a:lnTo>
                  <a:pt x="7368895" y="2233400"/>
                </a:lnTo>
                <a:lnTo>
                  <a:pt x="7368895" y="2899695"/>
                </a:lnTo>
                <a:lnTo>
                  <a:pt x="7368895" y="3053532"/>
                </a:lnTo>
                <a:lnTo>
                  <a:pt x="7215058" y="3053532"/>
                </a:lnTo>
                <a:lnTo>
                  <a:pt x="6614751" y="3053532"/>
                </a:lnTo>
                <a:lnTo>
                  <a:pt x="153837" y="3053532"/>
                </a:lnTo>
                <a:cubicBezTo>
                  <a:pt x="68875" y="3053532"/>
                  <a:pt x="0" y="2984657"/>
                  <a:pt x="0" y="2899695"/>
                </a:cubicBezTo>
                <a:lnTo>
                  <a:pt x="0" y="153837"/>
                </a:lnTo>
                <a:cubicBezTo>
                  <a:pt x="0" y="68875"/>
                  <a:pt x="68875" y="0"/>
                  <a:pt x="153837"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34" name="Kombinationstegning: figur 33">
            <a:extLst>
              <a:ext uri="{FF2B5EF4-FFF2-40B4-BE49-F238E27FC236}">
                <a16:creationId xmlns:a16="http://schemas.microsoft.com/office/drawing/2014/main" id="{E288D085-3325-26CA-2AFA-5BCC11B0C0B8}"/>
              </a:ext>
            </a:extLst>
          </p:cNvPr>
          <p:cNvSpPr/>
          <p:nvPr userDrawn="1"/>
        </p:nvSpPr>
        <p:spPr>
          <a:xfrm>
            <a:off x="0" y="3171189"/>
            <a:ext cx="2288370" cy="1400811"/>
          </a:xfrm>
          <a:custGeom>
            <a:avLst/>
            <a:gdLst>
              <a:gd name="connsiteX0" fmla="*/ 0 w 2288370"/>
              <a:gd name="connsiteY0" fmla="*/ 0 h 1400811"/>
              <a:gd name="connsiteX1" fmla="*/ 174289 w 2288370"/>
              <a:gd name="connsiteY1" fmla="*/ 0 h 1400811"/>
              <a:gd name="connsiteX2" fmla="*/ 575035 w 2288370"/>
              <a:gd name="connsiteY2" fmla="*/ 0 h 1400811"/>
              <a:gd name="connsiteX3" fmla="*/ 2114081 w 2288370"/>
              <a:gd name="connsiteY3" fmla="*/ 0 h 1400811"/>
              <a:gd name="connsiteX4" fmla="*/ 2288370 w 2288370"/>
              <a:gd name="connsiteY4" fmla="*/ 174289 h 1400811"/>
              <a:gd name="connsiteX5" fmla="*/ 2288370 w 2288370"/>
              <a:gd name="connsiteY5" fmla="*/ 816349 h 1400811"/>
              <a:gd name="connsiteX6" fmla="*/ 2288370 w 2288370"/>
              <a:gd name="connsiteY6" fmla="*/ 1226522 h 1400811"/>
              <a:gd name="connsiteX7" fmla="*/ 2288370 w 2288370"/>
              <a:gd name="connsiteY7" fmla="*/ 1400811 h 1400811"/>
              <a:gd name="connsiteX8" fmla="*/ 2114081 w 2288370"/>
              <a:gd name="connsiteY8" fmla="*/ 1400811 h 1400811"/>
              <a:gd name="connsiteX9" fmla="*/ 1713335 w 2288370"/>
              <a:gd name="connsiteY9" fmla="*/ 1400811 h 1400811"/>
              <a:gd name="connsiteX10" fmla="*/ 575035 w 2288370"/>
              <a:gd name="connsiteY10" fmla="*/ 1400811 h 1400811"/>
              <a:gd name="connsiteX11" fmla="*/ 174289 w 2288370"/>
              <a:gd name="connsiteY11" fmla="*/ 1400811 h 1400811"/>
              <a:gd name="connsiteX12" fmla="*/ 0 w 2288370"/>
              <a:gd name="connsiteY12" fmla="*/ 1400811 h 1400811"/>
              <a:gd name="connsiteX13" fmla="*/ 0 w 2288370"/>
              <a:gd name="connsiteY13" fmla="*/ 1226522 h 1400811"/>
              <a:gd name="connsiteX14" fmla="*/ 0 w 2288370"/>
              <a:gd name="connsiteY14" fmla="*/ 816349 h 1400811"/>
              <a:gd name="connsiteX15" fmla="*/ 0 w 2288370"/>
              <a:gd name="connsiteY15" fmla="*/ 584462 h 1400811"/>
              <a:gd name="connsiteX16" fmla="*/ 0 w 2288370"/>
              <a:gd name="connsiteY16" fmla="*/ 174289 h 14008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288370" h="1400811">
                <a:moveTo>
                  <a:pt x="0" y="0"/>
                </a:moveTo>
                <a:lnTo>
                  <a:pt x="174289" y="0"/>
                </a:lnTo>
                <a:lnTo>
                  <a:pt x="575035" y="0"/>
                </a:lnTo>
                <a:lnTo>
                  <a:pt x="2114081" y="0"/>
                </a:lnTo>
                <a:cubicBezTo>
                  <a:pt x="2210338" y="0"/>
                  <a:pt x="2288370" y="78032"/>
                  <a:pt x="2288370" y="174289"/>
                </a:cubicBezTo>
                <a:lnTo>
                  <a:pt x="2288370" y="816349"/>
                </a:lnTo>
                <a:lnTo>
                  <a:pt x="2288370" y="1226522"/>
                </a:lnTo>
                <a:lnTo>
                  <a:pt x="2288370" y="1400811"/>
                </a:lnTo>
                <a:lnTo>
                  <a:pt x="2114081" y="1400811"/>
                </a:lnTo>
                <a:lnTo>
                  <a:pt x="1713335" y="1400811"/>
                </a:lnTo>
                <a:lnTo>
                  <a:pt x="575035" y="1400811"/>
                </a:lnTo>
                <a:lnTo>
                  <a:pt x="174289" y="1400811"/>
                </a:lnTo>
                <a:lnTo>
                  <a:pt x="0" y="1400811"/>
                </a:lnTo>
                <a:lnTo>
                  <a:pt x="0" y="1226522"/>
                </a:lnTo>
                <a:lnTo>
                  <a:pt x="0" y="816349"/>
                </a:lnTo>
                <a:lnTo>
                  <a:pt x="0" y="584462"/>
                </a:lnTo>
                <a:lnTo>
                  <a:pt x="0" y="174289"/>
                </a:ln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2" name="Kombinationstegning: figur 21">
            <a:extLst>
              <a:ext uri="{FF2B5EF4-FFF2-40B4-BE49-F238E27FC236}">
                <a16:creationId xmlns:a16="http://schemas.microsoft.com/office/drawing/2014/main" id="{6E611502-B394-CFB5-0632-D4AE070A4C15}"/>
              </a:ext>
            </a:extLst>
          </p:cNvPr>
          <p:cNvSpPr/>
          <p:nvPr userDrawn="1"/>
        </p:nvSpPr>
        <p:spPr>
          <a:xfrm>
            <a:off x="9523026" y="255842"/>
            <a:ext cx="1781422" cy="2657040"/>
          </a:xfrm>
          <a:custGeom>
            <a:avLst/>
            <a:gdLst>
              <a:gd name="connsiteX0" fmla="*/ 161237 w 1781422"/>
              <a:gd name="connsiteY0" fmla="*/ 0 h 2657040"/>
              <a:gd name="connsiteX1" fmla="*/ 1620185 w 1781422"/>
              <a:gd name="connsiteY1" fmla="*/ 0 h 2657040"/>
              <a:gd name="connsiteX2" fmla="*/ 1781422 w 1781422"/>
              <a:gd name="connsiteY2" fmla="*/ 161237 h 2657040"/>
              <a:gd name="connsiteX3" fmla="*/ 1781422 w 1781422"/>
              <a:gd name="connsiteY3" fmla="*/ 2495803 h 2657040"/>
              <a:gd name="connsiteX4" fmla="*/ 1620185 w 1781422"/>
              <a:gd name="connsiteY4" fmla="*/ 2657040 h 2657040"/>
              <a:gd name="connsiteX5" fmla="*/ 575035 w 1781422"/>
              <a:gd name="connsiteY5" fmla="*/ 2657040 h 2657040"/>
              <a:gd name="connsiteX6" fmla="*/ 161237 w 1781422"/>
              <a:gd name="connsiteY6" fmla="*/ 2657040 h 2657040"/>
              <a:gd name="connsiteX7" fmla="*/ 0 w 1781422"/>
              <a:gd name="connsiteY7" fmla="*/ 2657040 h 2657040"/>
              <a:gd name="connsiteX8" fmla="*/ 0 w 1781422"/>
              <a:gd name="connsiteY8" fmla="*/ 2495803 h 2657040"/>
              <a:gd name="connsiteX9" fmla="*/ 0 w 1781422"/>
              <a:gd name="connsiteY9" fmla="*/ 2072578 h 2657040"/>
              <a:gd name="connsiteX10" fmla="*/ 0 w 1781422"/>
              <a:gd name="connsiteY10" fmla="*/ 161237 h 2657040"/>
              <a:gd name="connsiteX11" fmla="*/ 161237 w 1781422"/>
              <a:gd name="connsiteY11" fmla="*/ 0 h 2657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1422" h="2657040">
                <a:moveTo>
                  <a:pt x="161237" y="0"/>
                </a:moveTo>
                <a:lnTo>
                  <a:pt x="1620185" y="0"/>
                </a:lnTo>
                <a:cubicBezTo>
                  <a:pt x="1709234" y="0"/>
                  <a:pt x="1781422" y="72188"/>
                  <a:pt x="1781422" y="161237"/>
                </a:cubicBezTo>
                <a:lnTo>
                  <a:pt x="1781422" y="2495803"/>
                </a:lnTo>
                <a:cubicBezTo>
                  <a:pt x="1781422" y="2584852"/>
                  <a:pt x="1709234" y="2657040"/>
                  <a:pt x="1620185" y="2657040"/>
                </a:cubicBezTo>
                <a:lnTo>
                  <a:pt x="575035" y="2657040"/>
                </a:lnTo>
                <a:lnTo>
                  <a:pt x="161237" y="2657040"/>
                </a:lnTo>
                <a:lnTo>
                  <a:pt x="0" y="2657040"/>
                </a:lnTo>
                <a:lnTo>
                  <a:pt x="0" y="2495803"/>
                </a:lnTo>
                <a:lnTo>
                  <a:pt x="0" y="2072578"/>
                </a:lnTo>
                <a:lnTo>
                  <a:pt x="0" y="161237"/>
                </a:lnTo>
                <a:cubicBezTo>
                  <a:pt x="0" y="72188"/>
                  <a:pt x="72188" y="0"/>
                  <a:pt x="161237" y="0"/>
                </a:cubicBez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1" name="Kombinationstegning: figur 20">
            <a:extLst>
              <a:ext uri="{FF2B5EF4-FFF2-40B4-BE49-F238E27FC236}">
                <a16:creationId xmlns:a16="http://schemas.microsoft.com/office/drawing/2014/main" id="{D942A283-C7FF-AF14-9139-FB8DE864FB0E}"/>
              </a:ext>
            </a:extLst>
          </p:cNvPr>
          <p:cNvSpPr/>
          <p:nvPr userDrawn="1"/>
        </p:nvSpPr>
        <p:spPr>
          <a:xfrm>
            <a:off x="7608445" y="506947"/>
            <a:ext cx="1658103" cy="2416407"/>
          </a:xfrm>
          <a:custGeom>
            <a:avLst/>
            <a:gdLst>
              <a:gd name="connsiteX0" fmla="*/ 165114 w 1658103"/>
              <a:gd name="connsiteY0" fmla="*/ 0 h 2416407"/>
              <a:gd name="connsiteX1" fmla="*/ 1083068 w 1658103"/>
              <a:gd name="connsiteY1" fmla="*/ 0 h 2416407"/>
              <a:gd name="connsiteX2" fmla="*/ 1492989 w 1658103"/>
              <a:gd name="connsiteY2" fmla="*/ 0 h 2416407"/>
              <a:gd name="connsiteX3" fmla="*/ 1658103 w 1658103"/>
              <a:gd name="connsiteY3" fmla="*/ 0 h 2416407"/>
              <a:gd name="connsiteX4" fmla="*/ 1658103 w 1658103"/>
              <a:gd name="connsiteY4" fmla="*/ 165114 h 2416407"/>
              <a:gd name="connsiteX5" fmla="*/ 1658103 w 1658103"/>
              <a:gd name="connsiteY5" fmla="*/ 584462 h 2416407"/>
              <a:gd name="connsiteX6" fmla="*/ 1658103 w 1658103"/>
              <a:gd name="connsiteY6" fmla="*/ 2251293 h 2416407"/>
              <a:gd name="connsiteX7" fmla="*/ 1492989 w 1658103"/>
              <a:gd name="connsiteY7" fmla="*/ 2416407 h 2416407"/>
              <a:gd name="connsiteX8" fmla="*/ 165114 w 1658103"/>
              <a:gd name="connsiteY8" fmla="*/ 2416407 h 2416407"/>
              <a:gd name="connsiteX9" fmla="*/ 0 w 1658103"/>
              <a:gd name="connsiteY9" fmla="*/ 2251293 h 2416407"/>
              <a:gd name="connsiteX10" fmla="*/ 0 w 1658103"/>
              <a:gd name="connsiteY10" fmla="*/ 165114 h 2416407"/>
              <a:gd name="connsiteX11" fmla="*/ 165114 w 1658103"/>
              <a:gd name="connsiteY11" fmla="*/ 0 h 24164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58103" h="2416407">
                <a:moveTo>
                  <a:pt x="165114" y="0"/>
                </a:moveTo>
                <a:lnTo>
                  <a:pt x="1083068" y="0"/>
                </a:lnTo>
                <a:lnTo>
                  <a:pt x="1492989" y="0"/>
                </a:lnTo>
                <a:lnTo>
                  <a:pt x="1658103" y="0"/>
                </a:lnTo>
                <a:lnTo>
                  <a:pt x="1658103" y="165114"/>
                </a:lnTo>
                <a:lnTo>
                  <a:pt x="1658103" y="584462"/>
                </a:lnTo>
                <a:lnTo>
                  <a:pt x="1658103" y="2251293"/>
                </a:lnTo>
                <a:cubicBezTo>
                  <a:pt x="1658103" y="2342483"/>
                  <a:pt x="1584179" y="2416407"/>
                  <a:pt x="1492989" y="2416407"/>
                </a:cubicBezTo>
                <a:lnTo>
                  <a:pt x="165114" y="2416407"/>
                </a:lnTo>
                <a:cubicBezTo>
                  <a:pt x="73924" y="2416407"/>
                  <a:pt x="0" y="2342483"/>
                  <a:pt x="0" y="2251293"/>
                </a:cubicBezTo>
                <a:lnTo>
                  <a:pt x="0" y="165114"/>
                </a:lnTo>
                <a:cubicBezTo>
                  <a:pt x="0" y="73924"/>
                  <a:pt x="73924" y="0"/>
                  <a:pt x="165114" y="0"/>
                </a:cubicBez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5" name="Freeform: Shape 4">
            <a:extLst>
              <a:ext uri="{FF2B5EF4-FFF2-40B4-BE49-F238E27FC236}">
                <a16:creationId xmlns:a16="http://schemas.microsoft.com/office/drawing/2014/main" id="{EF1BC340-DDA0-9682-C839-750C1667C6D0}"/>
              </a:ext>
            </a:extLst>
          </p:cNvPr>
          <p:cNvSpPr/>
          <p:nvPr userDrawn="1"/>
        </p:nvSpPr>
        <p:spPr>
          <a:xfrm>
            <a:off x="3283720" y="4446237"/>
            <a:ext cx="1260000" cy="2411763"/>
          </a:xfrm>
          <a:custGeom>
            <a:avLst/>
            <a:gdLst>
              <a:gd name="connsiteX0" fmla="*/ 0 w 1260000"/>
              <a:gd name="connsiteY0" fmla="*/ 0 h 2411763"/>
              <a:gd name="connsiteX1" fmla="*/ 1090078 w 1260000"/>
              <a:gd name="connsiteY1" fmla="*/ 0 h 2411763"/>
              <a:gd name="connsiteX2" fmla="*/ 1260000 w 1260000"/>
              <a:gd name="connsiteY2" fmla="*/ 169922 h 2411763"/>
              <a:gd name="connsiteX3" fmla="*/ 1260000 w 1260000"/>
              <a:gd name="connsiteY3" fmla="*/ 1827301 h 2411763"/>
              <a:gd name="connsiteX4" fmla="*/ 1260000 w 1260000"/>
              <a:gd name="connsiteY4" fmla="*/ 2241841 h 2411763"/>
              <a:gd name="connsiteX5" fmla="*/ 1260000 w 1260000"/>
              <a:gd name="connsiteY5" fmla="*/ 2411763 h 2411763"/>
              <a:gd name="connsiteX6" fmla="*/ 1090078 w 1260000"/>
              <a:gd name="connsiteY6" fmla="*/ 2411763 h 2411763"/>
              <a:gd name="connsiteX7" fmla="*/ 684965 w 1260000"/>
              <a:gd name="connsiteY7" fmla="*/ 2411763 h 2411763"/>
              <a:gd name="connsiteX8" fmla="*/ 0 w 1260000"/>
              <a:gd name="connsiteY8" fmla="*/ 2411763 h 2411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60000" h="2411763">
                <a:moveTo>
                  <a:pt x="0" y="0"/>
                </a:moveTo>
                <a:lnTo>
                  <a:pt x="1090078" y="0"/>
                </a:lnTo>
                <a:cubicBezTo>
                  <a:pt x="1183923" y="0"/>
                  <a:pt x="1260000" y="76077"/>
                  <a:pt x="1260000" y="169922"/>
                </a:cubicBezTo>
                <a:lnTo>
                  <a:pt x="1260000" y="1827301"/>
                </a:lnTo>
                <a:lnTo>
                  <a:pt x="1260000" y="2241841"/>
                </a:lnTo>
                <a:lnTo>
                  <a:pt x="1260000" y="2411763"/>
                </a:lnTo>
                <a:lnTo>
                  <a:pt x="1090078" y="2411763"/>
                </a:lnTo>
                <a:lnTo>
                  <a:pt x="684965" y="2411763"/>
                </a:lnTo>
                <a:lnTo>
                  <a:pt x="0" y="2411763"/>
                </a:lnTo>
                <a:close/>
              </a:path>
            </a:pathLst>
          </a:custGeom>
          <a:solidFill>
            <a:srgbClr val="38025C"/>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pic>
        <p:nvPicPr>
          <p:cNvPr id="985412145" name="Dynamic cover logo lilla" descr="{&quot;templafy&quot;:{&quot;id&quot;:&quot;0a2e4fc4-63b2-47fa-8575-44b0bd07c04d&quot;}}"/>
          <p:cNvPicPr>
            <a:picLocks noChangeAspect="1"/>
          </p:cNvPicPr>
          <p:nvPr/>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2537203063"/>
      </p:ext>
    </p:extLst>
  </p:cSld>
  <p:clrMapOvr>
    <a:overrideClrMapping bg1="lt1" tx1="dk1" bg2="lt2" tx2="dk2" accent1="accent1" accent2="accent2" accent3="accent3" accent4="accent4" accent5="accent5" accent6="accent6" hlink="hlink" folHlink="folHlink"/>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Forside billede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44" name="Hvid kasse">
            <a:extLst>
              <a:ext uri="{FF2B5EF4-FFF2-40B4-BE49-F238E27FC236}">
                <a16:creationId xmlns:a16="http://schemas.microsoft.com/office/drawing/2014/main" id="{3CBB74ED-65A9-39F5-79DE-B76C72DC5539}"/>
              </a:ext>
            </a:extLst>
          </p:cNvPr>
          <p:cNvSpPr>
            <a:spLocks noGrp="1" noRot="1" noMove="1" noResize="1" noEditPoints="1" noAdjustHandles="1" noChangeArrowheads="1" noChangeShapeType="1"/>
          </p:cNvSpPr>
          <p:nvPr userDrawn="1"/>
        </p:nvSpPr>
        <p:spPr bwMode="ltGray">
          <a:xfrm>
            <a:off x="388800" y="388800"/>
            <a:ext cx="6214528" cy="2664000"/>
          </a:xfrm>
          <a:custGeom>
            <a:avLst/>
            <a:gdLst>
              <a:gd name="connsiteX0" fmla="*/ 262537 w 6214528"/>
              <a:gd name="connsiteY0" fmla="*/ 0 h 2664000"/>
              <a:gd name="connsiteX1" fmla="*/ 5951991 w 6214528"/>
              <a:gd name="connsiteY1" fmla="*/ 0 h 2664000"/>
              <a:gd name="connsiteX2" fmla="*/ 6214528 w 6214528"/>
              <a:gd name="connsiteY2" fmla="*/ 262537 h 2664000"/>
              <a:gd name="connsiteX3" fmla="*/ 6214528 w 6214528"/>
              <a:gd name="connsiteY3" fmla="*/ 1826775 h 2664000"/>
              <a:gd name="connsiteX4" fmla="*/ 6214528 w 6214528"/>
              <a:gd name="connsiteY4" fmla="*/ 2401463 h 2664000"/>
              <a:gd name="connsiteX5" fmla="*/ 6214528 w 6214528"/>
              <a:gd name="connsiteY5" fmla="*/ 2664000 h 2664000"/>
              <a:gd name="connsiteX6" fmla="*/ 5951991 w 6214528"/>
              <a:gd name="connsiteY6" fmla="*/ 2664000 h 2664000"/>
              <a:gd name="connsiteX7" fmla="*/ 5354820 w 6214528"/>
              <a:gd name="connsiteY7" fmla="*/ 2664000 h 2664000"/>
              <a:gd name="connsiteX8" fmla="*/ 262537 w 6214528"/>
              <a:gd name="connsiteY8" fmla="*/ 2664000 h 2664000"/>
              <a:gd name="connsiteX9" fmla="*/ 0 w 6214528"/>
              <a:gd name="connsiteY9" fmla="*/ 2401463 h 2664000"/>
              <a:gd name="connsiteX10" fmla="*/ 0 w 6214528"/>
              <a:gd name="connsiteY10" fmla="*/ 262537 h 2664000"/>
              <a:gd name="connsiteX11" fmla="*/ 262537 w 6214528"/>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214528" h="2664000">
                <a:moveTo>
                  <a:pt x="262537" y="0"/>
                </a:moveTo>
                <a:lnTo>
                  <a:pt x="5951991" y="0"/>
                </a:lnTo>
                <a:cubicBezTo>
                  <a:pt x="6096986" y="0"/>
                  <a:pt x="6214528" y="117542"/>
                  <a:pt x="6214528" y="262537"/>
                </a:cubicBezTo>
                <a:lnTo>
                  <a:pt x="6214528" y="1826775"/>
                </a:lnTo>
                <a:lnTo>
                  <a:pt x="6214528" y="2401463"/>
                </a:lnTo>
                <a:lnTo>
                  <a:pt x="6214528" y="2664000"/>
                </a:lnTo>
                <a:lnTo>
                  <a:pt x="5951991" y="2664000"/>
                </a:lnTo>
                <a:lnTo>
                  <a:pt x="5354820" y="2664000"/>
                </a:lnTo>
                <a:lnTo>
                  <a:pt x="262537" y="2664000"/>
                </a:lnTo>
                <a:cubicBezTo>
                  <a:pt x="117542" y="2664000"/>
                  <a:pt x="0" y="2546458"/>
                  <a:pt x="0" y="2401463"/>
                </a:cubicBezTo>
                <a:lnTo>
                  <a:pt x="0" y="262537"/>
                </a:lnTo>
                <a:cubicBezTo>
                  <a:pt x="0" y="117542"/>
                  <a:pt x="117542" y="0"/>
                  <a:pt x="262537" y="0"/>
                </a:cubicBezTo>
                <a:close/>
              </a:path>
            </a:pathLst>
          </a:custGeom>
          <a:solidFill>
            <a:schemeClr val="accent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7999" y="647999"/>
            <a:ext cx="5436163" cy="1908000"/>
          </a:xfrm>
        </p:spPr>
        <p:txBody>
          <a:bodyPr anchor="t" anchorCtr="0"/>
          <a:lstStyle>
            <a:lvl1pPr algn="l">
              <a:defRPr sz="4400">
                <a:solidFill>
                  <a:schemeClr val="bg1"/>
                </a:solidFill>
              </a:defRPr>
            </a:lvl1pPr>
          </a:lstStyle>
          <a:p>
            <a:r>
              <a:rPr lang="da-DK" dirty="0"/>
              <a:t>Klik for at indsætte overskrift – max. tre linjer</a:t>
            </a:r>
          </a:p>
        </p:txBody>
      </p:sp>
      <p:sp>
        <p:nvSpPr>
          <p:cNvPr id="14" name="Navne kasse">
            <a:extLst>
              <a:ext uri="{FF2B5EF4-FFF2-40B4-BE49-F238E27FC236}">
                <a16:creationId xmlns:a16="http://schemas.microsoft.com/office/drawing/2014/main" id="{DDBEFA5B-3926-71DD-6A16-85D4E2504949}"/>
              </a:ext>
            </a:extLst>
          </p:cNvPr>
          <p:cNvSpPr>
            <a:spLocks noGrp="1" noRot="1" noMove="1" noResize="1" noEditPoints="1" noAdjustHandles="1" noChangeArrowheads="1" noChangeShapeType="1"/>
          </p:cNvSpPr>
          <p:nvPr userDrawn="1"/>
        </p:nvSpPr>
        <p:spPr bwMode="ltGray">
          <a:xfrm>
            <a:off x="388800" y="3181117"/>
            <a:ext cx="3431451" cy="1130401"/>
          </a:xfrm>
          <a:custGeom>
            <a:avLst/>
            <a:gdLst>
              <a:gd name="connsiteX0" fmla="*/ 0 w 3431451"/>
              <a:gd name="connsiteY0" fmla="*/ 0 h 1130401"/>
              <a:gd name="connsiteX1" fmla="*/ 309398 w 3431451"/>
              <a:gd name="connsiteY1" fmla="*/ 0 h 1130401"/>
              <a:gd name="connsiteX2" fmla="*/ 360803 w 3431451"/>
              <a:gd name="connsiteY2" fmla="*/ 0 h 1130401"/>
              <a:gd name="connsiteX3" fmla="*/ 1784429 w 3431451"/>
              <a:gd name="connsiteY3" fmla="*/ 0 h 1130401"/>
              <a:gd name="connsiteX4" fmla="*/ 1984561 w 3431451"/>
              <a:gd name="connsiteY4" fmla="*/ 0 h 1130401"/>
              <a:gd name="connsiteX5" fmla="*/ 2864082 w 3431451"/>
              <a:gd name="connsiteY5" fmla="*/ 0 h 1130401"/>
              <a:gd name="connsiteX6" fmla="*/ 2864082 w 3431451"/>
              <a:gd name="connsiteY6" fmla="*/ 220 h 1130401"/>
              <a:gd name="connsiteX7" fmla="*/ 2866251 w 3431451"/>
              <a:gd name="connsiteY7" fmla="*/ 1 h 1130401"/>
              <a:gd name="connsiteX8" fmla="*/ 3431451 w 3431451"/>
              <a:gd name="connsiteY8" fmla="*/ 565201 h 1130401"/>
              <a:gd name="connsiteX9" fmla="*/ 2866251 w 3431451"/>
              <a:gd name="connsiteY9" fmla="*/ 1130401 h 1130401"/>
              <a:gd name="connsiteX10" fmla="*/ 2864082 w 3431451"/>
              <a:gd name="connsiteY10" fmla="*/ 1130183 h 1130401"/>
              <a:gd name="connsiteX11" fmla="*/ 2864082 w 3431451"/>
              <a:gd name="connsiteY11" fmla="*/ 1130400 h 1130401"/>
              <a:gd name="connsiteX12" fmla="*/ 1784429 w 3431451"/>
              <a:gd name="connsiteY12" fmla="*/ 1130400 h 1130401"/>
              <a:gd name="connsiteX13" fmla="*/ 1784429 w 3431451"/>
              <a:gd name="connsiteY13" fmla="*/ 1129231 h 1130401"/>
              <a:gd name="connsiteX14" fmla="*/ 309398 w 3431451"/>
              <a:gd name="connsiteY14" fmla="*/ 1129231 h 1130401"/>
              <a:gd name="connsiteX15" fmla="*/ 0 w 3431451"/>
              <a:gd name="connsiteY15" fmla="*/ 819833 h 1130401"/>
              <a:gd name="connsiteX16" fmla="*/ 0 w 3431451"/>
              <a:gd name="connsiteY16" fmla="*/ 360803 h 1130401"/>
              <a:gd name="connsiteX17" fmla="*/ 0 w 3431451"/>
              <a:gd name="connsiteY17" fmla="*/ 309398 h 11304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431451" h="1130401">
                <a:moveTo>
                  <a:pt x="0" y="0"/>
                </a:moveTo>
                <a:lnTo>
                  <a:pt x="309398" y="0"/>
                </a:lnTo>
                <a:lnTo>
                  <a:pt x="360803" y="0"/>
                </a:lnTo>
                <a:lnTo>
                  <a:pt x="1784429" y="0"/>
                </a:lnTo>
                <a:lnTo>
                  <a:pt x="1984561" y="0"/>
                </a:lnTo>
                <a:lnTo>
                  <a:pt x="2864082" y="0"/>
                </a:lnTo>
                <a:lnTo>
                  <a:pt x="2864082" y="220"/>
                </a:lnTo>
                <a:lnTo>
                  <a:pt x="2866251" y="1"/>
                </a:lnTo>
                <a:cubicBezTo>
                  <a:pt x="3178402" y="1"/>
                  <a:pt x="3431451" y="253050"/>
                  <a:pt x="3431451" y="565201"/>
                </a:cubicBezTo>
                <a:cubicBezTo>
                  <a:pt x="3431451" y="877352"/>
                  <a:pt x="3178402" y="1130401"/>
                  <a:pt x="2866251" y="1130401"/>
                </a:cubicBezTo>
                <a:lnTo>
                  <a:pt x="2864082" y="1130183"/>
                </a:lnTo>
                <a:lnTo>
                  <a:pt x="2864082" y="1130400"/>
                </a:lnTo>
                <a:lnTo>
                  <a:pt x="1784429" y="1130400"/>
                </a:lnTo>
                <a:lnTo>
                  <a:pt x="1784429" y="1129231"/>
                </a:lnTo>
                <a:lnTo>
                  <a:pt x="309398" y="1129231"/>
                </a:lnTo>
                <a:cubicBezTo>
                  <a:pt x="138522" y="1129231"/>
                  <a:pt x="0" y="990709"/>
                  <a:pt x="0" y="819833"/>
                </a:cubicBezTo>
                <a:lnTo>
                  <a:pt x="0" y="360803"/>
                </a:lnTo>
                <a:lnTo>
                  <a:pt x="0" y="309398"/>
                </a:ln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5" name="Pladsholder til tekst navn">
            <a:extLst>
              <a:ext uri="{FF2B5EF4-FFF2-40B4-BE49-F238E27FC236}">
                <a16:creationId xmlns:a16="http://schemas.microsoft.com/office/drawing/2014/main" id="{FFA186A6-CFBA-E3D8-4BAA-76661E92AD5B}"/>
              </a:ext>
            </a:extLst>
          </p:cNvPr>
          <p:cNvSpPr>
            <a:spLocks noGrp="1"/>
          </p:cNvSpPr>
          <p:nvPr>
            <p:ph type="body" sz="quarter" idx="18" hasCustomPrompt="1"/>
          </p:nvPr>
        </p:nvSpPr>
        <p:spPr>
          <a:xfrm>
            <a:off x="648000" y="3292346"/>
            <a:ext cx="278640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16" name="Pladsholder til tekst efternavn">
            <a:extLst>
              <a:ext uri="{FF2B5EF4-FFF2-40B4-BE49-F238E27FC236}">
                <a16:creationId xmlns:a16="http://schemas.microsoft.com/office/drawing/2014/main" id="{0639540E-3E75-4573-9921-2D9E77D18B28}"/>
              </a:ext>
            </a:extLst>
          </p:cNvPr>
          <p:cNvSpPr>
            <a:spLocks noGrp="1"/>
          </p:cNvSpPr>
          <p:nvPr>
            <p:ph type="body" sz="quarter" idx="19" hasCustomPrompt="1"/>
          </p:nvPr>
        </p:nvSpPr>
        <p:spPr>
          <a:xfrm>
            <a:off x="648000" y="3578598"/>
            <a:ext cx="278735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17" name="Date Placeholder 6">
            <a:extLst>
              <a:ext uri="{FF2B5EF4-FFF2-40B4-BE49-F238E27FC236}">
                <a16:creationId xmlns:a16="http://schemas.microsoft.com/office/drawing/2014/main" id="{507A64B3-127A-DB52-8A39-1BCC311F3DE9}"/>
              </a:ext>
            </a:extLst>
          </p:cNvPr>
          <p:cNvSpPr>
            <a:spLocks noGrp="1"/>
          </p:cNvSpPr>
          <p:nvPr>
            <p:ph type="dt" sz="half" idx="15"/>
          </p:nvPr>
        </p:nvSpPr>
        <p:spPr>
          <a:xfrm>
            <a:off x="648000" y="3872772"/>
            <a:ext cx="2786400" cy="324000"/>
          </a:xfrm>
          <a:prstGeom prst="rect">
            <a:avLst/>
          </a:prstGeom>
        </p:spPr>
        <p:txBody>
          <a:bodyPr anchor="t" anchorCtr="0"/>
          <a:lstStyle>
            <a:lvl1pPr algn="l">
              <a:defRPr sz="2000">
                <a:solidFill>
                  <a:srgbClr val="38025C"/>
                </a:solidFill>
              </a:defRPr>
            </a:lvl1pPr>
          </a:lstStyle>
          <a:p>
            <a:fld id="{27E5D938-A7D3-45B9-BEB6-D9B4DFC7DEDE}" type="datetime2">
              <a:rPr lang="da-DK" smtClean="0"/>
              <a:pPr/>
              <a:t>11. september 2024</a:t>
            </a:fld>
            <a:endParaRPr lang="da-DK" dirty="0"/>
          </a:p>
        </p:txBody>
      </p:sp>
      <p:pic>
        <p:nvPicPr>
          <p:cNvPr id="654144421" name="Dynamic cover logo hvid" descr="{&quot;templafy&quot;:{&quot;id&quot;:&quot;8a0c303c-3ccf-4f12-b9f6-fae55cd079e6&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1377263247"/>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Forside billede C">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44" name="Titel/navn kasse">
            <a:extLst>
              <a:ext uri="{FF2B5EF4-FFF2-40B4-BE49-F238E27FC236}">
                <a16:creationId xmlns:a16="http://schemas.microsoft.com/office/drawing/2014/main" id="{7DF60BF7-E188-EE7A-FF4A-E65E9B3570A0}"/>
              </a:ext>
            </a:extLst>
          </p:cNvPr>
          <p:cNvSpPr>
            <a:spLocks noGrp="1" noRot="1" noChangeAspect="1" noMove="1" noResize="1" noEditPoints="1" noAdjustHandles="1" noChangeArrowheads="1" noChangeShapeType="1"/>
          </p:cNvSpPr>
          <p:nvPr userDrawn="1"/>
        </p:nvSpPr>
        <p:spPr>
          <a:xfrm>
            <a:off x="388799" y="388800"/>
            <a:ext cx="6598800" cy="4817430"/>
          </a:xfrm>
          <a:custGeom>
            <a:avLst/>
            <a:gdLst>
              <a:gd name="connsiteX0" fmla="*/ 0 w 6598800"/>
              <a:gd name="connsiteY0" fmla="*/ 0 h 4817430"/>
              <a:gd name="connsiteX1" fmla="*/ 533241 w 6598800"/>
              <a:gd name="connsiteY1" fmla="*/ 0 h 4817430"/>
              <a:gd name="connsiteX2" fmla="*/ 1618021 w 6598800"/>
              <a:gd name="connsiteY2" fmla="*/ 0 h 4817430"/>
              <a:gd name="connsiteX3" fmla="*/ 6065559 w 6598800"/>
              <a:gd name="connsiteY3" fmla="*/ 0 h 4817430"/>
              <a:gd name="connsiteX4" fmla="*/ 6598800 w 6598800"/>
              <a:gd name="connsiteY4" fmla="*/ 533241 h 4817430"/>
              <a:gd name="connsiteX5" fmla="*/ 6598800 w 6598800"/>
              <a:gd name="connsiteY5" fmla="*/ 4284189 h 4817430"/>
              <a:gd name="connsiteX6" fmla="*/ 6065559 w 6598800"/>
              <a:gd name="connsiteY6" fmla="*/ 4817430 h 4817430"/>
              <a:gd name="connsiteX7" fmla="*/ 533241 w 6598800"/>
              <a:gd name="connsiteY7" fmla="*/ 4817430 h 4817430"/>
              <a:gd name="connsiteX8" fmla="*/ 0 w 6598800"/>
              <a:gd name="connsiteY8" fmla="*/ 4284189 h 4817430"/>
              <a:gd name="connsiteX9" fmla="*/ 0 w 6598800"/>
              <a:gd name="connsiteY9" fmla="*/ 1618021 h 4817430"/>
              <a:gd name="connsiteX10" fmla="*/ 0 w 6598800"/>
              <a:gd name="connsiteY10" fmla="*/ 533241 h 48174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598800" h="4817430">
                <a:moveTo>
                  <a:pt x="0" y="0"/>
                </a:moveTo>
                <a:lnTo>
                  <a:pt x="533241" y="0"/>
                </a:lnTo>
                <a:lnTo>
                  <a:pt x="1618021" y="0"/>
                </a:lnTo>
                <a:lnTo>
                  <a:pt x="6065559" y="0"/>
                </a:lnTo>
                <a:cubicBezTo>
                  <a:pt x="6360060" y="0"/>
                  <a:pt x="6598800" y="238740"/>
                  <a:pt x="6598800" y="533241"/>
                </a:cubicBezTo>
                <a:lnTo>
                  <a:pt x="6598800" y="4284189"/>
                </a:lnTo>
                <a:cubicBezTo>
                  <a:pt x="6598800" y="4578690"/>
                  <a:pt x="6360060" y="4817430"/>
                  <a:pt x="6065559" y="4817430"/>
                </a:cubicBezTo>
                <a:lnTo>
                  <a:pt x="533241" y="4817430"/>
                </a:lnTo>
                <a:cubicBezTo>
                  <a:pt x="238740" y="4817430"/>
                  <a:pt x="0" y="4578690"/>
                  <a:pt x="0" y="4284189"/>
                </a:cubicBezTo>
                <a:lnTo>
                  <a:pt x="0" y="1618021"/>
                </a:lnTo>
                <a:lnTo>
                  <a:pt x="0" y="533241"/>
                </a:lnTo>
                <a:close/>
              </a:path>
            </a:pathLst>
          </a:custGeom>
          <a:solidFill>
            <a:srgbClr val="8DC8E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8000" y="648000"/>
            <a:ext cx="4057349" cy="3060000"/>
          </a:xfrm>
        </p:spPr>
        <p:txBody>
          <a:bodyPr anchor="t" anchorCtr="0"/>
          <a:lstStyle>
            <a:lvl1pPr algn="l">
              <a:defRPr sz="4400">
                <a:solidFill>
                  <a:schemeClr val="accent1"/>
                </a:solidFill>
              </a:defRPr>
            </a:lvl1pPr>
          </a:lstStyle>
          <a:p>
            <a:r>
              <a:rPr lang="da-DK" dirty="0"/>
              <a:t>Klik for at indsætte overskrift – </a:t>
            </a:r>
            <a:br>
              <a:rPr lang="da-DK" dirty="0"/>
            </a:br>
            <a:r>
              <a:rPr lang="da-DK" dirty="0"/>
              <a:t>max. fem linjer</a:t>
            </a:r>
          </a:p>
        </p:txBody>
      </p:sp>
      <p:sp>
        <p:nvSpPr>
          <p:cNvPr id="46" name="Pladsholder til tekst navn">
            <a:extLst>
              <a:ext uri="{FF2B5EF4-FFF2-40B4-BE49-F238E27FC236}">
                <a16:creationId xmlns:a16="http://schemas.microsoft.com/office/drawing/2014/main" id="{45479F02-9280-6162-F05B-91F5EF7275D6}"/>
              </a:ext>
            </a:extLst>
          </p:cNvPr>
          <p:cNvSpPr>
            <a:spLocks noGrp="1"/>
          </p:cNvSpPr>
          <p:nvPr>
            <p:ph type="body" sz="quarter" idx="18" hasCustomPrompt="1"/>
          </p:nvPr>
        </p:nvSpPr>
        <p:spPr>
          <a:xfrm>
            <a:off x="648000" y="4389225"/>
            <a:ext cx="5576400" cy="324000"/>
          </a:xfrm>
        </p:spPr>
        <p:txBody>
          <a:bodyPr/>
          <a:lstStyle>
            <a:lvl1pPr marL="0" indent="0">
              <a:lnSpc>
                <a:spcPct val="100000"/>
              </a:lnSpc>
              <a:spcAft>
                <a:spcPts val="0"/>
              </a:spcAft>
              <a:buNone/>
              <a:defRPr sz="2000" b="1">
                <a:solidFill>
                  <a:schemeClr val="accent1"/>
                </a:solidFill>
              </a:defRPr>
            </a:lvl1pPr>
            <a:lvl2pPr marL="0" indent="0">
              <a:lnSpc>
                <a:spcPct val="100000"/>
              </a:lnSpc>
              <a:spcAft>
                <a:spcPts val="0"/>
              </a:spcAft>
              <a:buNone/>
              <a:defRPr sz="2000" b="1">
                <a:solidFill>
                  <a:schemeClr val="accent1"/>
                </a:solidFill>
              </a:defRPr>
            </a:lvl2pPr>
            <a:lvl3pPr marL="0" indent="0">
              <a:lnSpc>
                <a:spcPct val="100000"/>
              </a:lnSpc>
              <a:spcAft>
                <a:spcPts val="0"/>
              </a:spcAft>
              <a:buNone/>
              <a:defRPr sz="2000" b="1">
                <a:solidFill>
                  <a:schemeClr val="accent1"/>
                </a:solidFill>
              </a:defRPr>
            </a:lvl3pPr>
            <a:lvl4pPr marL="0">
              <a:lnSpc>
                <a:spcPct val="100000"/>
              </a:lnSpc>
              <a:spcAft>
                <a:spcPts val="0"/>
              </a:spcAft>
              <a:buNone/>
              <a:defRPr sz="2000" b="1">
                <a:solidFill>
                  <a:schemeClr val="accent1"/>
                </a:solidFill>
              </a:defRPr>
            </a:lvl4pPr>
            <a:lvl5pPr marL="0">
              <a:lnSpc>
                <a:spcPct val="100000"/>
              </a:lnSpc>
              <a:spcAft>
                <a:spcPts val="0"/>
              </a:spcAft>
              <a:buNone/>
              <a:defRPr sz="2000" b="1">
                <a:solidFill>
                  <a:schemeClr val="accent1"/>
                </a:solidFill>
              </a:defRPr>
            </a:lvl5pPr>
            <a:lvl6pPr marL="0" indent="0">
              <a:lnSpc>
                <a:spcPct val="100000"/>
              </a:lnSpc>
              <a:spcAft>
                <a:spcPts val="0"/>
              </a:spcAft>
              <a:buNone/>
              <a:defRPr sz="2000" b="1">
                <a:solidFill>
                  <a:schemeClr val="accent1"/>
                </a:solidFill>
              </a:defRPr>
            </a:lvl6pPr>
            <a:lvl7pPr marL="0">
              <a:lnSpc>
                <a:spcPct val="100000"/>
              </a:lnSpc>
              <a:spcAft>
                <a:spcPts val="0"/>
              </a:spcAft>
              <a:buNone/>
              <a:defRPr sz="2000" b="1">
                <a:solidFill>
                  <a:schemeClr val="accent1"/>
                </a:solidFill>
              </a:defRPr>
            </a:lvl7pPr>
            <a:lvl8pPr marL="0">
              <a:lnSpc>
                <a:spcPct val="100000"/>
              </a:lnSpc>
              <a:spcAft>
                <a:spcPts val="0"/>
              </a:spcAft>
              <a:buNone/>
              <a:defRPr sz="2000" b="1">
                <a:solidFill>
                  <a:schemeClr val="accent1"/>
                </a:solidFill>
              </a:defRPr>
            </a:lvl8pPr>
            <a:lvl9pPr marL="0">
              <a:lnSpc>
                <a:spcPct val="100000"/>
              </a:lnSpc>
              <a:spcAft>
                <a:spcPts val="0"/>
              </a:spcAft>
              <a:buNone/>
              <a:defRPr sz="2000" b="1">
                <a:solidFill>
                  <a:schemeClr val="accent1"/>
                </a:solidFill>
              </a:defRPr>
            </a:lvl9pPr>
          </a:lstStyle>
          <a:p>
            <a:pPr lvl="0"/>
            <a:r>
              <a:rPr lang="da-DK" dirty="0"/>
              <a:t>Klik og indsæt fornavn og efternavn</a:t>
            </a:r>
          </a:p>
        </p:txBody>
      </p:sp>
      <p:sp>
        <p:nvSpPr>
          <p:cNvPr id="4" name="Date Placeholder 6">
            <a:extLst>
              <a:ext uri="{FF2B5EF4-FFF2-40B4-BE49-F238E27FC236}">
                <a16:creationId xmlns:a16="http://schemas.microsoft.com/office/drawing/2014/main" id="{FE82FFA3-0253-2F7D-9644-43789BEC2E36}"/>
              </a:ext>
            </a:extLst>
          </p:cNvPr>
          <p:cNvSpPr>
            <a:spLocks noGrp="1"/>
          </p:cNvSpPr>
          <p:nvPr>
            <p:ph type="dt" sz="half" idx="15"/>
          </p:nvPr>
        </p:nvSpPr>
        <p:spPr>
          <a:xfrm>
            <a:off x="648000" y="4680893"/>
            <a:ext cx="5576400" cy="324000"/>
          </a:xfrm>
          <a:prstGeom prst="rect">
            <a:avLst/>
          </a:prstGeom>
        </p:spPr>
        <p:txBody>
          <a:bodyPr anchor="t" anchorCtr="0"/>
          <a:lstStyle>
            <a:lvl1pPr algn="l">
              <a:defRPr sz="2000">
                <a:solidFill>
                  <a:schemeClr val="accent1"/>
                </a:solidFill>
              </a:defRPr>
            </a:lvl1pPr>
          </a:lstStyle>
          <a:p>
            <a:fld id="{6EA3C555-07D8-48FC-8D68-BF0F4B4F7844}" type="datetime2">
              <a:rPr lang="da-DK" smtClean="0"/>
              <a:pPr/>
              <a:t>11. september 2024</a:t>
            </a:fld>
            <a:endParaRPr lang="da-DK" dirty="0"/>
          </a:p>
        </p:txBody>
      </p:sp>
      <p:pic>
        <p:nvPicPr>
          <p:cNvPr id="6" name="Dynamic cover logo hvid" descr="{&quot;templafy&quot;:{&quot;id&quot;:&quot;6a6692af-08d2-4f74-adf5-c7a516ef87cc&quot;}}">
            <a:extLst>
              <a:ext uri="{FF2B5EF4-FFF2-40B4-BE49-F238E27FC236}">
                <a16:creationId xmlns:a16="http://schemas.microsoft.com/office/drawing/2014/main" id="{DDF250FC-6D1F-ACAA-980D-24DF0A1015FB}"/>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1788518832"/>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Forside billede B">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14" name="Kombinationstegning: figur 13">
            <a:extLst>
              <a:ext uri="{FF2B5EF4-FFF2-40B4-BE49-F238E27FC236}">
                <a16:creationId xmlns:a16="http://schemas.microsoft.com/office/drawing/2014/main" id="{EFD08B09-ECAF-2DC3-10D0-D8A84F43E315}"/>
              </a:ext>
            </a:extLst>
          </p:cNvPr>
          <p:cNvSpPr>
            <a:spLocks noGrp="1" noRot="1" noMove="1" noResize="1" noEditPoints="1" noAdjustHandles="1" noChangeArrowheads="1" noChangeShapeType="1"/>
          </p:cNvSpPr>
          <p:nvPr userDrawn="1"/>
        </p:nvSpPr>
        <p:spPr bwMode="ltGray">
          <a:xfrm>
            <a:off x="388800" y="388800"/>
            <a:ext cx="11415600" cy="2664000"/>
          </a:xfrm>
          <a:custGeom>
            <a:avLst/>
            <a:gdLst>
              <a:gd name="connsiteX0" fmla="*/ 268957 w 11415600"/>
              <a:gd name="connsiteY0" fmla="*/ 0 h 2664000"/>
              <a:gd name="connsiteX1" fmla="*/ 11146643 w 11415600"/>
              <a:gd name="connsiteY1" fmla="*/ 0 h 2664000"/>
              <a:gd name="connsiteX2" fmla="*/ 11415600 w 11415600"/>
              <a:gd name="connsiteY2" fmla="*/ 268957 h 2664000"/>
              <a:gd name="connsiteX3" fmla="*/ 11415600 w 11415600"/>
              <a:gd name="connsiteY3" fmla="*/ 1274000 h 2664000"/>
              <a:gd name="connsiteX4" fmla="*/ 11415600 w 11415600"/>
              <a:gd name="connsiteY4" fmla="*/ 2395043 h 2664000"/>
              <a:gd name="connsiteX5" fmla="*/ 11415600 w 11415600"/>
              <a:gd name="connsiteY5" fmla="*/ 2664000 h 2664000"/>
              <a:gd name="connsiteX6" fmla="*/ 11146643 w 11415600"/>
              <a:gd name="connsiteY6" fmla="*/ 2664000 h 2664000"/>
              <a:gd name="connsiteX7" fmla="*/ 10025600 w 11415600"/>
              <a:gd name="connsiteY7" fmla="*/ 2664000 h 2664000"/>
              <a:gd name="connsiteX8" fmla="*/ 268957 w 11415600"/>
              <a:gd name="connsiteY8" fmla="*/ 2664000 h 2664000"/>
              <a:gd name="connsiteX9" fmla="*/ 0 w 11415600"/>
              <a:gd name="connsiteY9" fmla="*/ 2395043 h 2664000"/>
              <a:gd name="connsiteX10" fmla="*/ 0 w 11415600"/>
              <a:gd name="connsiteY10" fmla="*/ 268957 h 2664000"/>
              <a:gd name="connsiteX11" fmla="*/ 268957 w 11415600"/>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415600" h="2664000">
                <a:moveTo>
                  <a:pt x="268957" y="0"/>
                </a:moveTo>
                <a:lnTo>
                  <a:pt x="11146643" y="0"/>
                </a:lnTo>
                <a:cubicBezTo>
                  <a:pt x="11295184" y="0"/>
                  <a:pt x="11415600" y="120416"/>
                  <a:pt x="11415600" y="268957"/>
                </a:cubicBezTo>
                <a:lnTo>
                  <a:pt x="11415600" y="1274000"/>
                </a:lnTo>
                <a:lnTo>
                  <a:pt x="11415600" y="2395043"/>
                </a:lnTo>
                <a:lnTo>
                  <a:pt x="11415600" y="2664000"/>
                </a:lnTo>
                <a:lnTo>
                  <a:pt x="11146643" y="2664000"/>
                </a:lnTo>
                <a:lnTo>
                  <a:pt x="10025600" y="2664000"/>
                </a:lnTo>
                <a:lnTo>
                  <a:pt x="268957" y="2664000"/>
                </a:lnTo>
                <a:cubicBezTo>
                  <a:pt x="120416" y="2664000"/>
                  <a:pt x="0" y="2543584"/>
                  <a:pt x="0" y="2395043"/>
                </a:cubicBezTo>
                <a:lnTo>
                  <a:pt x="0" y="268957"/>
                </a:lnTo>
                <a:cubicBezTo>
                  <a:pt x="0" y="120416"/>
                  <a:pt x="120416" y="0"/>
                  <a:pt x="268957"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0" name="Navne kasse">
            <a:extLst>
              <a:ext uri="{FF2B5EF4-FFF2-40B4-BE49-F238E27FC236}">
                <a16:creationId xmlns:a16="http://schemas.microsoft.com/office/drawing/2014/main" id="{6A4A735E-41FE-6B84-92C6-0CF66EC82410}"/>
              </a:ext>
            </a:extLst>
          </p:cNvPr>
          <p:cNvSpPr>
            <a:spLocks noGrp="1" noRot="1" noMove="1" noResize="1" noEditPoints="1" noAdjustHandles="1" noChangeArrowheads="1" noChangeShapeType="1"/>
          </p:cNvSpPr>
          <p:nvPr userDrawn="1"/>
        </p:nvSpPr>
        <p:spPr bwMode="ltGray">
          <a:xfrm>
            <a:off x="388800" y="3181117"/>
            <a:ext cx="3431451" cy="1130401"/>
          </a:xfrm>
          <a:custGeom>
            <a:avLst/>
            <a:gdLst>
              <a:gd name="connsiteX0" fmla="*/ 0 w 3431451"/>
              <a:gd name="connsiteY0" fmla="*/ 0 h 1130401"/>
              <a:gd name="connsiteX1" fmla="*/ 309398 w 3431451"/>
              <a:gd name="connsiteY1" fmla="*/ 0 h 1130401"/>
              <a:gd name="connsiteX2" fmla="*/ 360803 w 3431451"/>
              <a:gd name="connsiteY2" fmla="*/ 0 h 1130401"/>
              <a:gd name="connsiteX3" fmla="*/ 1784429 w 3431451"/>
              <a:gd name="connsiteY3" fmla="*/ 0 h 1130401"/>
              <a:gd name="connsiteX4" fmla="*/ 1984561 w 3431451"/>
              <a:gd name="connsiteY4" fmla="*/ 0 h 1130401"/>
              <a:gd name="connsiteX5" fmla="*/ 2864082 w 3431451"/>
              <a:gd name="connsiteY5" fmla="*/ 0 h 1130401"/>
              <a:gd name="connsiteX6" fmla="*/ 2864082 w 3431451"/>
              <a:gd name="connsiteY6" fmla="*/ 220 h 1130401"/>
              <a:gd name="connsiteX7" fmla="*/ 2866251 w 3431451"/>
              <a:gd name="connsiteY7" fmla="*/ 1 h 1130401"/>
              <a:gd name="connsiteX8" fmla="*/ 3431451 w 3431451"/>
              <a:gd name="connsiteY8" fmla="*/ 565201 h 1130401"/>
              <a:gd name="connsiteX9" fmla="*/ 2866251 w 3431451"/>
              <a:gd name="connsiteY9" fmla="*/ 1130401 h 1130401"/>
              <a:gd name="connsiteX10" fmla="*/ 2864082 w 3431451"/>
              <a:gd name="connsiteY10" fmla="*/ 1130183 h 1130401"/>
              <a:gd name="connsiteX11" fmla="*/ 2864082 w 3431451"/>
              <a:gd name="connsiteY11" fmla="*/ 1130400 h 1130401"/>
              <a:gd name="connsiteX12" fmla="*/ 1784429 w 3431451"/>
              <a:gd name="connsiteY12" fmla="*/ 1130400 h 1130401"/>
              <a:gd name="connsiteX13" fmla="*/ 1784429 w 3431451"/>
              <a:gd name="connsiteY13" fmla="*/ 1129231 h 1130401"/>
              <a:gd name="connsiteX14" fmla="*/ 309398 w 3431451"/>
              <a:gd name="connsiteY14" fmla="*/ 1129231 h 1130401"/>
              <a:gd name="connsiteX15" fmla="*/ 0 w 3431451"/>
              <a:gd name="connsiteY15" fmla="*/ 819833 h 1130401"/>
              <a:gd name="connsiteX16" fmla="*/ 0 w 3431451"/>
              <a:gd name="connsiteY16" fmla="*/ 360803 h 1130401"/>
              <a:gd name="connsiteX17" fmla="*/ 0 w 3431451"/>
              <a:gd name="connsiteY17" fmla="*/ 309398 h 11304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431451" h="1130401">
                <a:moveTo>
                  <a:pt x="0" y="0"/>
                </a:moveTo>
                <a:lnTo>
                  <a:pt x="309398" y="0"/>
                </a:lnTo>
                <a:lnTo>
                  <a:pt x="360803" y="0"/>
                </a:lnTo>
                <a:lnTo>
                  <a:pt x="1784429" y="0"/>
                </a:lnTo>
                <a:lnTo>
                  <a:pt x="1984561" y="0"/>
                </a:lnTo>
                <a:lnTo>
                  <a:pt x="2864082" y="0"/>
                </a:lnTo>
                <a:lnTo>
                  <a:pt x="2864082" y="220"/>
                </a:lnTo>
                <a:lnTo>
                  <a:pt x="2866251" y="1"/>
                </a:lnTo>
                <a:cubicBezTo>
                  <a:pt x="3178402" y="1"/>
                  <a:pt x="3431451" y="253050"/>
                  <a:pt x="3431451" y="565201"/>
                </a:cubicBezTo>
                <a:cubicBezTo>
                  <a:pt x="3431451" y="877352"/>
                  <a:pt x="3178402" y="1130401"/>
                  <a:pt x="2866251" y="1130401"/>
                </a:cubicBezTo>
                <a:lnTo>
                  <a:pt x="2864082" y="1130183"/>
                </a:lnTo>
                <a:lnTo>
                  <a:pt x="2864082" y="1130400"/>
                </a:lnTo>
                <a:lnTo>
                  <a:pt x="1784429" y="1130400"/>
                </a:lnTo>
                <a:lnTo>
                  <a:pt x="1784429" y="1129231"/>
                </a:lnTo>
                <a:lnTo>
                  <a:pt x="309398" y="1129231"/>
                </a:lnTo>
                <a:cubicBezTo>
                  <a:pt x="138522" y="1129231"/>
                  <a:pt x="0" y="990709"/>
                  <a:pt x="0" y="819833"/>
                </a:cubicBezTo>
                <a:lnTo>
                  <a:pt x="0" y="360803"/>
                </a:lnTo>
                <a:lnTo>
                  <a:pt x="0" y="309398"/>
                </a:ln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8000" y="647999"/>
            <a:ext cx="10742076" cy="1908000"/>
          </a:xfrm>
        </p:spPr>
        <p:txBody>
          <a:bodyPr anchor="t" anchorCtr="0"/>
          <a:lstStyle>
            <a:lvl1pPr algn="l">
              <a:defRPr sz="4400">
                <a:solidFill>
                  <a:schemeClr val="bg1"/>
                </a:solidFill>
              </a:defRPr>
            </a:lvl1pPr>
          </a:lstStyle>
          <a:p>
            <a:r>
              <a:rPr lang="da-DK" dirty="0"/>
              <a:t>Klik for at indsætte overskrift – max. tre linjer</a:t>
            </a:r>
          </a:p>
        </p:txBody>
      </p:sp>
      <p:sp>
        <p:nvSpPr>
          <p:cNvPr id="22" name="Pladsholder til tekst navn">
            <a:extLst>
              <a:ext uri="{FF2B5EF4-FFF2-40B4-BE49-F238E27FC236}">
                <a16:creationId xmlns:a16="http://schemas.microsoft.com/office/drawing/2014/main" id="{C3269FE8-18B8-3459-CA89-40A0E170E069}"/>
              </a:ext>
            </a:extLst>
          </p:cNvPr>
          <p:cNvSpPr>
            <a:spLocks noGrp="1"/>
          </p:cNvSpPr>
          <p:nvPr>
            <p:ph type="body" sz="quarter" idx="18" hasCustomPrompt="1"/>
          </p:nvPr>
        </p:nvSpPr>
        <p:spPr>
          <a:xfrm>
            <a:off x="648000" y="3292346"/>
            <a:ext cx="278640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23" name="Pladsholder til tekst efternavn">
            <a:extLst>
              <a:ext uri="{FF2B5EF4-FFF2-40B4-BE49-F238E27FC236}">
                <a16:creationId xmlns:a16="http://schemas.microsoft.com/office/drawing/2014/main" id="{AD574D64-8CDB-3935-F699-5029DE272334}"/>
              </a:ext>
            </a:extLst>
          </p:cNvPr>
          <p:cNvSpPr>
            <a:spLocks noGrp="1"/>
          </p:cNvSpPr>
          <p:nvPr>
            <p:ph type="body" sz="quarter" idx="19" hasCustomPrompt="1"/>
          </p:nvPr>
        </p:nvSpPr>
        <p:spPr>
          <a:xfrm>
            <a:off x="648000" y="3578598"/>
            <a:ext cx="278735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24" name="Date Placeholder 6">
            <a:extLst>
              <a:ext uri="{FF2B5EF4-FFF2-40B4-BE49-F238E27FC236}">
                <a16:creationId xmlns:a16="http://schemas.microsoft.com/office/drawing/2014/main" id="{BC3454EA-FB5D-610A-B68A-406536AE9037}"/>
              </a:ext>
            </a:extLst>
          </p:cNvPr>
          <p:cNvSpPr>
            <a:spLocks noGrp="1"/>
          </p:cNvSpPr>
          <p:nvPr>
            <p:ph type="dt" sz="half" idx="15"/>
          </p:nvPr>
        </p:nvSpPr>
        <p:spPr>
          <a:xfrm>
            <a:off x="648000" y="3872772"/>
            <a:ext cx="2786400" cy="324000"/>
          </a:xfrm>
          <a:prstGeom prst="rect">
            <a:avLst/>
          </a:prstGeom>
        </p:spPr>
        <p:txBody>
          <a:bodyPr anchor="t" anchorCtr="0"/>
          <a:lstStyle>
            <a:lvl1pPr algn="l">
              <a:defRPr sz="2000">
                <a:solidFill>
                  <a:srgbClr val="38025C"/>
                </a:solidFill>
              </a:defRPr>
            </a:lvl1pPr>
          </a:lstStyle>
          <a:p>
            <a:fld id="{395073DB-E2B7-4A43-8E2E-87C86606DD17}" type="datetime2">
              <a:rPr lang="da-DK" smtClean="0"/>
              <a:pPr/>
              <a:t>11. september 2024</a:t>
            </a:fld>
            <a:endParaRPr lang="da-DK" dirty="0"/>
          </a:p>
        </p:txBody>
      </p:sp>
      <p:pic>
        <p:nvPicPr>
          <p:cNvPr id="1138570428" name="Dynamic cover logo hvid" descr="{&quot;templafy&quot;:{&quot;id&quot;:&quot;6d975af2-d43d-429a-8654-7f80bceb9853&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585740066"/>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Forside billede C">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44" name="Titel/navn kasse">
            <a:extLst>
              <a:ext uri="{FF2B5EF4-FFF2-40B4-BE49-F238E27FC236}">
                <a16:creationId xmlns:a16="http://schemas.microsoft.com/office/drawing/2014/main" id="{7DF60BF7-E188-EE7A-FF4A-E65E9B3570A0}"/>
              </a:ext>
            </a:extLst>
          </p:cNvPr>
          <p:cNvSpPr>
            <a:spLocks noGrp="1" noRot="1" noChangeAspect="1" noMove="1" noResize="1" noEditPoints="1" noAdjustHandles="1" noChangeArrowheads="1" noChangeShapeType="1"/>
          </p:cNvSpPr>
          <p:nvPr userDrawn="1"/>
        </p:nvSpPr>
        <p:spPr>
          <a:xfrm>
            <a:off x="388799" y="388800"/>
            <a:ext cx="6598800" cy="4817430"/>
          </a:xfrm>
          <a:custGeom>
            <a:avLst/>
            <a:gdLst>
              <a:gd name="connsiteX0" fmla="*/ 0 w 6598800"/>
              <a:gd name="connsiteY0" fmla="*/ 0 h 4817430"/>
              <a:gd name="connsiteX1" fmla="*/ 533241 w 6598800"/>
              <a:gd name="connsiteY1" fmla="*/ 0 h 4817430"/>
              <a:gd name="connsiteX2" fmla="*/ 1618021 w 6598800"/>
              <a:gd name="connsiteY2" fmla="*/ 0 h 4817430"/>
              <a:gd name="connsiteX3" fmla="*/ 6065559 w 6598800"/>
              <a:gd name="connsiteY3" fmla="*/ 0 h 4817430"/>
              <a:gd name="connsiteX4" fmla="*/ 6598800 w 6598800"/>
              <a:gd name="connsiteY4" fmla="*/ 533241 h 4817430"/>
              <a:gd name="connsiteX5" fmla="*/ 6598800 w 6598800"/>
              <a:gd name="connsiteY5" fmla="*/ 4284189 h 4817430"/>
              <a:gd name="connsiteX6" fmla="*/ 6065559 w 6598800"/>
              <a:gd name="connsiteY6" fmla="*/ 4817430 h 4817430"/>
              <a:gd name="connsiteX7" fmla="*/ 533241 w 6598800"/>
              <a:gd name="connsiteY7" fmla="*/ 4817430 h 4817430"/>
              <a:gd name="connsiteX8" fmla="*/ 0 w 6598800"/>
              <a:gd name="connsiteY8" fmla="*/ 4284189 h 4817430"/>
              <a:gd name="connsiteX9" fmla="*/ 0 w 6598800"/>
              <a:gd name="connsiteY9" fmla="*/ 1618021 h 4817430"/>
              <a:gd name="connsiteX10" fmla="*/ 0 w 6598800"/>
              <a:gd name="connsiteY10" fmla="*/ 533241 h 48174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598800" h="4817430">
                <a:moveTo>
                  <a:pt x="0" y="0"/>
                </a:moveTo>
                <a:lnTo>
                  <a:pt x="533241" y="0"/>
                </a:lnTo>
                <a:lnTo>
                  <a:pt x="1618021" y="0"/>
                </a:lnTo>
                <a:lnTo>
                  <a:pt x="6065559" y="0"/>
                </a:lnTo>
                <a:cubicBezTo>
                  <a:pt x="6360060" y="0"/>
                  <a:pt x="6598800" y="238740"/>
                  <a:pt x="6598800" y="533241"/>
                </a:cubicBezTo>
                <a:lnTo>
                  <a:pt x="6598800" y="4284189"/>
                </a:lnTo>
                <a:cubicBezTo>
                  <a:pt x="6598800" y="4578690"/>
                  <a:pt x="6360060" y="4817430"/>
                  <a:pt x="6065559" y="4817430"/>
                </a:cubicBezTo>
                <a:lnTo>
                  <a:pt x="533241" y="4817430"/>
                </a:lnTo>
                <a:cubicBezTo>
                  <a:pt x="238740" y="4817430"/>
                  <a:pt x="0" y="4578690"/>
                  <a:pt x="0" y="4284189"/>
                </a:cubicBezTo>
                <a:lnTo>
                  <a:pt x="0" y="1618021"/>
                </a:lnTo>
                <a:lnTo>
                  <a:pt x="0" y="533241"/>
                </a:lnTo>
                <a:close/>
              </a:path>
            </a:pathLst>
          </a:custGeom>
          <a:solidFill>
            <a:srgbClr val="8DC8E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8000" y="648000"/>
            <a:ext cx="4057349" cy="3060000"/>
          </a:xfrm>
        </p:spPr>
        <p:txBody>
          <a:bodyPr anchor="t" anchorCtr="0"/>
          <a:lstStyle>
            <a:lvl1pPr algn="l">
              <a:defRPr sz="4400">
                <a:solidFill>
                  <a:schemeClr val="accent1"/>
                </a:solidFill>
              </a:defRPr>
            </a:lvl1pPr>
          </a:lstStyle>
          <a:p>
            <a:r>
              <a:rPr lang="da-DK" dirty="0"/>
              <a:t>Klik for at indsætte overskrift – </a:t>
            </a:r>
            <a:br>
              <a:rPr lang="da-DK" dirty="0"/>
            </a:br>
            <a:r>
              <a:rPr lang="da-DK" dirty="0"/>
              <a:t>max. fem linjer</a:t>
            </a:r>
          </a:p>
        </p:txBody>
      </p:sp>
      <p:sp>
        <p:nvSpPr>
          <p:cNvPr id="46" name="Pladsholder til tekst navn">
            <a:extLst>
              <a:ext uri="{FF2B5EF4-FFF2-40B4-BE49-F238E27FC236}">
                <a16:creationId xmlns:a16="http://schemas.microsoft.com/office/drawing/2014/main" id="{45479F02-9280-6162-F05B-91F5EF7275D6}"/>
              </a:ext>
            </a:extLst>
          </p:cNvPr>
          <p:cNvSpPr>
            <a:spLocks noGrp="1"/>
          </p:cNvSpPr>
          <p:nvPr>
            <p:ph type="body" sz="quarter" idx="18" hasCustomPrompt="1"/>
          </p:nvPr>
        </p:nvSpPr>
        <p:spPr>
          <a:xfrm>
            <a:off x="648000" y="4389225"/>
            <a:ext cx="5576400" cy="324000"/>
          </a:xfrm>
        </p:spPr>
        <p:txBody>
          <a:bodyPr/>
          <a:lstStyle>
            <a:lvl1pPr marL="0" indent="0">
              <a:lnSpc>
                <a:spcPct val="100000"/>
              </a:lnSpc>
              <a:spcAft>
                <a:spcPts val="0"/>
              </a:spcAft>
              <a:buNone/>
              <a:defRPr sz="2000" b="1">
                <a:solidFill>
                  <a:schemeClr val="accent1"/>
                </a:solidFill>
              </a:defRPr>
            </a:lvl1pPr>
            <a:lvl2pPr marL="0" indent="0">
              <a:lnSpc>
                <a:spcPct val="100000"/>
              </a:lnSpc>
              <a:spcAft>
                <a:spcPts val="0"/>
              </a:spcAft>
              <a:buNone/>
              <a:defRPr sz="2000" b="1">
                <a:solidFill>
                  <a:schemeClr val="accent1"/>
                </a:solidFill>
              </a:defRPr>
            </a:lvl2pPr>
            <a:lvl3pPr marL="0" indent="0">
              <a:lnSpc>
                <a:spcPct val="100000"/>
              </a:lnSpc>
              <a:spcAft>
                <a:spcPts val="0"/>
              </a:spcAft>
              <a:buNone/>
              <a:defRPr sz="2000" b="1">
                <a:solidFill>
                  <a:schemeClr val="accent1"/>
                </a:solidFill>
              </a:defRPr>
            </a:lvl3pPr>
            <a:lvl4pPr marL="0">
              <a:lnSpc>
                <a:spcPct val="100000"/>
              </a:lnSpc>
              <a:spcAft>
                <a:spcPts val="0"/>
              </a:spcAft>
              <a:buNone/>
              <a:defRPr sz="2000" b="1">
                <a:solidFill>
                  <a:schemeClr val="accent1"/>
                </a:solidFill>
              </a:defRPr>
            </a:lvl4pPr>
            <a:lvl5pPr marL="0">
              <a:lnSpc>
                <a:spcPct val="100000"/>
              </a:lnSpc>
              <a:spcAft>
                <a:spcPts val="0"/>
              </a:spcAft>
              <a:buNone/>
              <a:defRPr sz="2000" b="1">
                <a:solidFill>
                  <a:schemeClr val="accent1"/>
                </a:solidFill>
              </a:defRPr>
            </a:lvl5pPr>
            <a:lvl6pPr marL="0" indent="0">
              <a:lnSpc>
                <a:spcPct val="100000"/>
              </a:lnSpc>
              <a:spcAft>
                <a:spcPts val="0"/>
              </a:spcAft>
              <a:buNone/>
              <a:defRPr sz="2000" b="1">
                <a:solidFill>
                  <a:schemeClr val="accent1"/>
                </a:solidFill>
              </a:defRPr>
            </a:lvl6pPr>
            <a:lvl7pPr marL="0">
              <a:lnSpc>
                <a:spcPct val="100000"/>
              </a:lnSpc>
              <a:spcAft>
                <a:spcPts val="0"/>
              </a:spcAft>
              <a:buNone/>
              <a:defRPr sz="2000" b="1">
                <a:solidFill>
                  <a:schemeClr val="accent1"/>
                </a:solidFill>
              </a:defRPr>
            </a:lvl7pPr>
            <a:lvl8pPr marL="0">
              <a:lnSpc>
                <a:spcPct val="100000"/>
              </a:lnSpc>
              <a:spcAft>
                <a:spcPts val="0"/>
              </a:spcAft>
              <a:buNone/>
              <a:defRPr sz="2000" b="1">
                <a:solidFill>
                  <a:schemeClr val="accent1"/>
                </a:solidFill>
              </a:defRPr>
            </a:lvl8pPr>
            <a:lvl9pPr marL="0">
              <a:lnSpc>
                <a:spcPct val="100000"/>
              </a:lnSpc>
              <a:spcAft>
                <a:spcPts val="0"/>
              </a:spcAft>
              <a:buNone/>
              <a:defRPr sz="2000" b="1">
                <a:solidFill>
                  <a:schemeClr val="accent1"/>
                </a:solidFill>
              </a:defRPr>
            </a:lvl9pPr>
          </a:lstStyle>
          <a:p>
            <a:pPr lvl="0"/>
            <a:r>
              <a:rPr lang="da-DK" dirty="0"/>
              <a:t>Klik og indsæt fornavn og efternavn</a:t>
            </a:r>
          </a:p>
        </p:txBody>
      </p:sp>
      <p:sp>
        <p:nvSpPr>
          <p:cNvPr id="4" name="Date Placeholder 6">
            <a:extLst>
              <a:ext uri="{FF2B5EF4-FFF2-40B4-BE49-F238E27FC236}">
                <a16:creationId xmlns:a16="http://schemas.microsoft.com/office/drawing/2014/main" id="{FE82FFA3-0253-2F7D-9644-43789BEC2E36}"/>
              </a:ext>
            </a:extLst>
          </p:cNvPr>
          <p:cNvSpPr>
            <a:spLocks noGrp="1"/>
          </p:cNvSpPr>
          <p:nvPr>
            <p:ph type="dt" sz="half" idx="15"/>
          </p:nvPr>
        </p:nvSpPr>
        <p:spPr>
          <a:xfrm>
            <a:off x="648000" y="4680893"/>
            <a:ext cx="5576400" cy="324000"/>
          </a:xfrm>
          <a:prstGeom prst="rect">
            <a:avLst/>
          </a:prstGeom>
        </p:spPr>
        <p:txBody>
          <a:bodyPr anchor="t" anchorCtr="0"/>
          <a:lstStyle>
            <a:lvl1pPr algn="l">
              <a:defRPr sz="2000">
                <a:solidFill>
                  <a:schemeClr val="accent1"/>
                </a:solidFill>
              </a:defRPr>
            </a:lvl1pPr>
          </a:lstStyle>
          <a:p>
            <a:fld id="{6EA3C555-07D8-48FC-8D68-BF0F4B4F7844}" type="datetime2">
              <a:rPr lang="da-DK" smtClean="0"/>
              <a:pPr/>
              <a:t>11. september 2024</a:t>
            </a:fld>
            <a:endParaRPr lang="da-DK" dirty="0"/>
          </a:p>
        </p:txBody>
      </p:sp>
      <p:pic>
        <p:nvPicPr>
          <p:cNvPr id="1519042666" name="Dynamic cover logo hvid" descr="{&quot;templafy&quot;:{&quot;id&quot;:&quot;df50cca3-91a1-469e-b8ab-f8bd9ff30200&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93370396"/>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Forside billede D">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B9D254C8-3CF1-61FB-D1B5-12181816FD81}"/>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91CD3CCE-C6CC-49D5-87B5-317FF0CBE116}" type="datetime2">
              <a:rPr lang="da-DK" smtClean="0"/>
              <a:t>11. september 2024</a:t>
            </a:fld>
            <a:endParaRPr lang="da-DK" dirty="0"/>
          </a:p>
        </p:txBody>
      </p:sp>
      <p:sp>
        <p:nvSpPr>
          <p:cNvPr id="11" name="Footer Placeholder 8" hidden="1">
            <a:extLst>
              <a:ext uri="{FF2B5EF4-FFF2-40B4-BE49-F238E27FC236}">
                <a16:creationId xmlns:a16="http://schemas.microsoft.com/office/drawing/2014/main" id="{7AC1EA72-2ABB-A105-6A9A-CF2A2F6E8890}"/>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38A0F504-3DCC-14C8-F974-E890C35FE8B8}"/>
              </a:ext>
            </a:extLst>
          </p:cNvPr>
          <p:cNvSpPr>
            <a:spLocks noGrp="1" noRot="1" noMove="1" noResize="1" noEditPoints="1" noAdjustHandles="1" noChangeArrowheads="1" noChangeShapeType="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2" name="Title 1">
            <a:extLst>
              <a:ext uri="{FF2B5EF4-FFF2-40B4-BE49-F238E27FC236}">
                <a16:creationId xmlns:a16="http://schemas.microsoft.com/office/drawing/2014/main" id="{BAA1FC40-0E07-46B2-80F9-1324562DE668}"/>
              </a:ext>
            </a:extLst>
          </p:cNvPr>
          <p:cNvSpPr>
            <a:spLocks noGrp="1"/>
          </p:cNvSpPr>
          <p:nvPr>
            <p:ph type="title" hasCustomPrompt="1"/>
          </p:nvPr>
        </p:nvSpPr>
        <p:spPr/>
        <p:txBody>
          <a:bodyPr/>
          <a:lstStyle>
            <a:lvl1pPr>
              <a:defRPr sz="4800">
                <a:solidFill>
                  <a:schemeClr val="bg1"/>
                </a:solidFill>
              </a:defRPr>
            </a:lvl1pPr>
          </a:lstStyle>
          <a:p>
            <a:r>
              <a:rPr lang="da-DK" dirty="0"/>
              <a:t>Overskriften flyttes op eller ned afhængig af motiv i foto. Max. 2 linjer</a:t>
            </a:r>
          </a:p>
        </p:txBody>
      </p:sp>
      <p:sp>
        <p:nvSpPr>
          <p:cNvPr id="4" name="TextBox 16">
            <a:extLst>
              <a:ext uri="{FF2B5EF4-FFF2-40B4-BE49-F238E27FC236}">
                <a16:creationId xmlns:a16="http://schemas.microsoft.com/office/drawing/2014/main" id="{FEB0DF23-2BCC-CAD7-380E-9DB66BFF5E6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6" name="Pladsholder til tekst 5">
            <a:extLst>
              <a:ext uri="{FF2B5EF4-FFF2-40B4-BE49-F238E27FC236}">
                <a16:creationId xmlns:a16="http://schemas.microsoft.com/office/drawing/2014/main" id="{F6C734C7-BFE5-3D6F-DACF-E24F16203A41}"/>
              </a:ext>
            </a:extLst>
          </p:cNvPr>
          <p:cNvSpPr>
            <a:spLocks noGrp="1"/>
          </p:cNvSpPr>
          <p:nvPr>
            <p:ph type="body" sz="quarter" idx="18" hasCustomPrompt="1"/>
          </p:nvPr>
        </p:nvSpPr>
        <p:spPr>
          <a:xfrm>
            <a:off x="8619565" y="3854727"/>
            <a:ext cx="2923147" cy="1850037"/>
          </a:xfrm>
          <a:custGeom>
            <a:avLst/>
            <a:gdLst>
              <a:gd name="connsiteX0" fmla="*/ 0 w 2787650"/>
              <a:gd name="connsiteY0" fmla="*/ 179816 h 1764282"/>
              <a:gd name="connsiteX1" fmla="*/ 179816 w 2787650"/>
              <a:gd name="connsiteY1" fmla="*/ 0 h 1764282"/>
              <a:gd name="connsiteX2" fmla="*/ 2607834 w 2787650"/>
              <a:gd name="connsiteY2" fmla="*/ 0 h 1764282"/>
              <a:gd name="connsiteX3" fmla="*/ 2787650 w 2787650"/>
              <a:gd name="connsiteY3" fmla="*/ 179816 h 1764282"/>
              <a:gd name="connsiteX4" fmla="*/ 2787650 w 2787650"/>
              <a:gd name="connsiteY4" fmla="*/ 1584466 h 1764282"/>
              <a:gd name="connsiteX5" fmla="*/ 2607834 w 2787650"/>
              <a:gd name="connsiteY5" fmla="*/ 1764282 h 1764282"/>
              <a:gd name="connsiteX6" fmla="*/ 179816 w 2787650"/>
              <a:gd name="connsiteY6" fmla="*/ 1764282 h 1764282"/>
              <a:gd name="connsiteX7" fmla="*/ 0 w 2787650"/>
              <a:gd name="connsiteY7" fmla="*/ 1584466 h 1764282"/>
              <a:gd name="connsiteX8" fmla="*/ 0 w 2787650"/>
              <a:gd name="connsiteY8" fmla="*/ 179816 h 1764282"/>
              <a:gd name="connsiteX0" fmla="*/ 3 w 2787653"/>
              <a:gd name="connsiteY0" fmla="*/ 179816 h 1764282"/>
              <a:gd name="connsiteX1" fmla="*/ 179819 w 2787653"/>
              <a:gd name="connsiteY1" fmla="*/ 0 h 1764282"/>
              <a:gd name="connsiteX2" fmla="*/ 2607837 w 2787653"/>
              <a:gd name="connsiteY2" fmla="*/ 0 h 1764282"/>
              <a:gd name="connsiteX3" fmla="*/ 2787653 w 2787653"/>
              <a:gd name="connsiteY3" fmla="*/ 179816 h 1764282"/>
              <a:gd name="connsiteX4" fmla="*/ 2787653 w 2787653"/>
              <a:gd name="connsiteY4" fmla="*/ 1584466 h 1764282"/>
              <a:gd name="connsiteX5" fmla="*/ 2607837 w 2787653"/>
              <a:gd name="connsiteY5" fmla="*/ 1764282 h 1764282"/>
              <a:gd name="connsiteX6" fmla="*/ 179819 w 2787653"/>
              <a:gd name="connsiteY6" fmla="*/ 1764282 h 1764282"/>
              <a:gd name="connsiteX7" fmla="*/ 3 w 2787653"/>
              <a:gd name="connsiteY7" fmla="*/ 1584466 h 1764282"/>
              <a:gd name="connsiteX8" fmla="*/ 3 w 2787653"/>
              <a:gd name="connsiteY8" fmla="*/ 179816 h 1764282"/>
              <a:gd name="connsiteX0" fmla="*/ 3 w 2787653"/>
              <a:gd name="connsiteY0" fmla="*/ 181162 h 1765628"/>
              <a:gd name="connsiteX1" fmla="*/ 179819 w 2787653"/>
              <a:gd name="connsiteY1" fmla="*/ 1346 h 1765628"/>
              <a:gd name="connsiteX2" fmla="*/ 2607837 w 2787653"/>
              <a:gd name="connsiteY2" fmla="*/ 1346 h 1765628"/>
              <a:gd name="connsiteX3" fmla="*/ 2787653 w 2787653"/>
              <a:gd name="connsiteY3" fmla="*/ 181162 h 1765628"/>
              <a:gd name="connsiteX4" fmla="*/ 2787653 w 2787653"/>
              <a:gd name="connsiteY4" fmla="*/ 1585812 h 1765628"/>
              <a:gd name="connsiteX5" fmla="*/ 2607837 w 2787653"/>
              <a:gd name="connsiteY5" fmla="*/ 1765628 h 1765628"/>
              <a:gd name="connsiteX6" fmla="*/ 179819 w 2787653"/>
              <a:gd name="connsiteY6" fmla="*/ 1765628 h 1765628"/>
              <a:gd name="connsiteX7" fmla="*/ 3 w 2787653"/>
              <a:gd name="connsiteY7" fmla="*/ 1585812 h 1765628"/>
              <a:gd name="connsiteX8" fmla="*/ 3 w 2787653"/>
              <a:gd name="connsiteY8" fmla="*/ 181162 h 1765628"/>
              <a:gd name="connsiteX0" fmla="*/ 0 w 2787650"/>
              <a:gd name="connsiteY0" fmla="*/ 179816 h 1764282"/>
              <a:gd name="connsiteX1" fmla="*/ 179816 w 2787650"/>
              <a:gd name="connsiteY1" fmla="*/ 0 h 1764282"/>
              <a:gd name="connsiteX2" fmla="*/ 2607834 w 2787650"/>
              <a:gd name="connsiteY2" fmla="*/ 0 h 1764282"/>
              <a:gd name="connsiteX3" fmla="*/ 2787650 w 2787650"/>
              <a:gd name="connsiteY3" fmla="*/ 179816 h 1764282"/>
              <a:gd name="connsiteX4" fmla="*/ 2787650 w 2787650"/>
              <a:gd name="connsiteY4" fmla="*/ 1584466 h 1764282"/>
              <a:gd name="connsiteX5" fmla="*/ 2607834 w 2787650"/>
              <a:gd name="connsiteY5" fmla="*/ 1764282 h 1764282"/>
              <a:gd name="connsiteX6" fmla="*/ 179816 w 2787650"/>
              <a:gd name="connsiteY6" fmla="*/ 1764282 h 1764282"/>
              <a:gd name="connsiteX7" fmla="*/ 0 w 2787650"/>
              <a:gd name="connsiteY7" fmla="*/ 1584466 h 1764282"/>
              <a:gd name="connsiteX8" fmla="*/ 0 w 2787650"/>
              <a:gd name="connsiteY8" fmla="*/ 179816 h 1764282"/>
              <a:gd name="connsiteX0" fmla="*/ 0 w 2787650"/>
              <a:gd name="connsiteY0" fmla="*/ 179816 h 1764282"/>
              <a:gd name="connsiteX1" fmla="*/ 86566 w 2787650"/>
              <a:gd name="connsiteY1" fmla="*/ 814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52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52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2335 w 2789985"/>
              <a:gd name="connsiteY0" fmla="*/ 179816 h 1764282"/>
              <a:gd name="connsiteX1" fmla="*/ 1 w 2789985"/>
              <a:gd name="connsiteY1" fmla="*/ 140 h 1764282"/>
              <a:gd name="connsiteX2" fmla="*/ 182151 w 2789985"/>
              <a:gd name="connsiteY2" fmla="*/ 0 h 1764282"/>
              <a:gd name="connsiteX3" fmla="*/ 2610169 w 2789985"/>
              <a:gd name="connsiteY3" fmla="*/ 0 h 1764282"/>
              <a:gd name="connsiteX4" fmla="*/ 2789985 w 2789985"/>
              <a:gd name="connsiteY4" fmla="*/ 179816 h 1764282"/>
              <a:gd name="connsiteX5" fmla="*/ 2789985 w 2789985"/>
              <a:gd name="connsiteY5" fmla="*/ 1584466 h 1764282"/>
              <a:gd name="connsiteX6" fmla="*/ 2610169 w 2789985"/>
              <a:gd name="connsiteY6" fmla="*/ 1764282 h 1764282"/>
              <a:gd name="connsiteX7" fmla="*/ 182151 w 2789985"/>
              <a:gd name="connsiteY7" fmla="*/ 1764282 h 1764282"/>
              <a:gd name="connsiteX8" fmla="*/ 2335 w 2789985"/>
              <a:gd name="connsiteY8" fmla="*/ 1584466 h 1764282"/>
              <a:gd name="connsiteX9" fmla="*/ 2335 w 2789985"/>
              <a:gd name="connsiteY9" fmla="*/ 179816 h 1764282"/>
              <a:gd name="connsiteX0" fmla="*/ 0 w 2787650"/>
              <a:gd name="connsiteY0" fmla="*/ 179816 h 1764282"/>
              <a:gd name="connsiteX1" fmla="*/ 2746 w 2787650"/>
              <a:gd name="connsiteY1" fmla="*/ 14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14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787650" h="1764282">
                <a:moveTo>
                  <a:pt x="0" y="179816"/>
                </a:moveTo>
                <a:cubicBezTo>
                  <a:pt x="69" y="121617"/>
                  <a:pt x="137" y="15159"/>
                  <a:pt x="206" y="140"/>
                </a:cubicBezTo>
                <a:lnTo>
                  <a:pt x="179816" y="0"/>
                </a:lnTo>
                <a:lnTo>
                  <a:pt x="2607834" y="0"/>
                </a:lnTo>
                <a:cubicBezTo>
                  <a:pt x="2707144" y="0"/>
                  <a:pt x="2787650" y="80506"/>
                  <a:pt x="2787650" y="179816"/>
                </a:cubicBezTo>
                <a:lnTo>
                  <a:pt x="2787650" y="1584466"/>
                </a:lnTo>
                <a:cubicBezTo>
                  <a:pt x="2787650" y="1683776"/>
                  <a:pt x="2707144" y="1764282"/>
                  <a:pt x="2607834" y="1764282"/>
                </a:cubicBezTo>
                <a:lnTo>
                  <a:pt x="179816" y="1764282"/>
                </a:lnTo>
                <a:cubicBezTo>
                  <a:pt x="80506" y="1764282"/>
                  <a:pt x="0" y="1683776"/>
                  <a:pt x="0" y="1584466"/>
                </a:cubicBezTo>
                <a:lnTo>
                  <a:pt x="0" y="179816"/>
                </a:lnTo>
                <a:close/>
              </a:path>
            </a:pathLst>
          </a:custGeom>
          <a:ln w="15875">
            <a:solidFill>
              <a:schemeClr val="bg1"/>
            </a:solidFill>
          </a:ln>
        </p:spPr>
        <p:txBody>
          <a:bodyPr lIns="72000" tIns="72000" rIns="72000" bIns="72000" anchor="ctr" anchorCtr="0"/>
          <a:lstStyle>
            <a:lvl1pPr marL="0" indent="0" algn="ctr">
              <a:lnSpc>
                <a:spcPct val="100000"/>
              </a:lnSpc>
              <a:spcAft>
                <a:spcPts val="0"/>
              </a:spcAft>
              <a:buFont typeface="Arial" panose="020B0604020202020204" pitchFamily="34" charset="0"/>
              <a:buNone/>
              <a:defRPr sz="9600" b="0">
                <a:solidFill>
                  <a:schemeClr val="bg1"/>
                </a:solidFill>
                <a:latin typeface="DI Numbers Office" pitchFamily="2" charset="0"/>
              </a:defRPr>
            </a:lvl1pPr>
            <a:lvl2pPr marL="0" indent="0">
              <a:lnSpc>
                <a:spcPct val="87000"/>
              </a:lnSpc>
              <a:spcAft>
                <a:spcPts val="0"/>
              </a:spcAft>
              <a:buFont typeface="Arial" panose="020B0604020202020204" pitchFamily="34" charset="0"/>
              <a:buNone/>
              <a:defRPr sz="6000" b="0">
                <a:latin typeface="DI Numbers Office" pitchFamily="2" charset="0"/>
              </a:defRPr>
            </a:lvl2pPr>
            <a:lvl3pPr marL="0" indent="0">
              <a:lnSpc>
                <a:spcPct val="87000"/>
              </a:lnSpc>
              <a:spcAft>
                <a:spcPts val="0"/>
              </a:spcAft>
              <a:buFont typeface="Arial" panose="020B0604020202020204" pitchFamily="34" charset="0"/>
              <a:buNone/>
              <a:defRPr sz="6000" b="0">
                <a:latin typeface="DI Numbers Office" pitchFamily="2" charset="0"/>
              </a:defRPr>
            </a:lvl3pPr>
            <a:lvl4pPr marL="0" indent="0">
              <a:lnSpc>
                <a:spcPct val="87000"/>
              </a:lnSpc>
              <a:spcAft>
                <a:spcPts val="0"/>
              </a:spcAft>
              <a:buFont typeface="Arial" panose="020B0604020202020204" pitchFamily="34" charset="0"/>
              <a:buNone/>
              <a:defRPr sz="6000" b="0">
                <a:latin typeface="DI Numbers Office" pitchFamily="2" charset="0"/>
              </a:defRPr>
            </a:lvl4pPr>
            <a:lvl5pPr marL="0" indent="0">
              <a:lnSpc>
                <a:spcPct val="87000"/>
              </a:lnSpc>
              <a:spcAft>
                <a:spcPts val="0"/>
              </a:spcAft>
              <a:buFont typeface="Arial" panose="020B0604020202020204" pitchFamily="34" charset="0"/>
              <a:buNone/>
              <a:defRPr sz="6000" b="0">
                <a:latin typeface="DI Numbers Office" pitchFamily="2" charset="0"/>
              </a:defRPr>
            </a:lvl5pPr>
            <a:lvl6pPr marL="0" indent="0">
              <a:lnSpc>
                <a:spcPct val="87000"/>
              </a:lnSpc>
              <a:spcAft>
                <a:spcPts val="0"/>
              </a:spcAft>
              <a:buFont typeface="Arial" panose="020B0604020202020204" pitchFamily="34" charset="0"/>
              <a:buNone/>
              <a:defRPr sz="6000" b="0">
                <a:latin typeface="DI Numbers Office" pitchFamily="2" charset="0"/>
              </a:defRPr>
            </a:lvl6pPr>
            <a:lvl7pPr marL="0" indent="0">
              <a:lnSpc>
                <a:spcPct val="87000"/>
              </a:lnSpc>
              <a:spcAft>
                <a:spcPts val="0"/>
              </a:spcAft>
              <a:buFont typeface="Arial" panose="020B0604020202020204" pitchFamily="34" charset="0"/>
              <a:buNone/>
              <a:defRPr sz="6000" b="0">
                <a:latin typeface="DI Numbers Office" pitchFamily="2" charset="0"/>
              </a:defRPr>
            </a:lvl7pPr>
            <a:lvl8pPr marL="0" indent="0">
              <a:lnSpc>
                <a:spcPct val="87000"/>
              </a:lnSpc>
              <a:spcAft>
                <a:spcPts val="0"/>
              </a:spcAft>
              <a:buFont typeface="Arial" panose="020B0604020202020204" pitchFamily="34" charset="0"/>
              <a:buNone/>
              <a:defRPr sz="6000" b="0">
                <a:latin typeface="DI Numbers Office" pitchFamily="2" charset="0"/>
              </a:defRPr>
            </a:lvl8pPr>
            <a:lvl9pPr marL="0" indent="0">
              <a:lnSpc>
                <a:spcPct val="87000"/>
              </a:lnSpc>
              <a:spcAft>
                <a:spcPts val="0"/>
              </a:spcAft>
              <a:buFont typeface="Arial" panose="020B0604020202020204" pitchFamily="34" charset="0"/>
              <a:buNone/>
              <a:defRPr sz="6000" b="0">
                <a:latin typeface="DI Numbers Office" pitchFamily="2" charset="0"/>
              </a:defRPr>
            </a:lvl9pPr>
          </a:lstStyle>
          <a:p>
            <a:pPr lvl="0"/>
            <a:r>
              <a:rPr lang="da-DK" noProof="0" dirty="0"/>
              <a:t>100%</a:t>
            </a:r>
            <a:endParaRPr lang="da-DK" dirty="0"/>
          </a:p>
        </p:txBody>
      </p:sp>
      <p:sp>
        <p:nvSpPr>
          <p:cNvPr id="3" name="Pladsholder til tekst navn">
            <a:extLst>
              <a:ext uri="{FF2B5EF4-FFF2-40B4-BE49-F238E27FC236}">
                <a16:creationId xmlns:a16="http://schemas.microsoft.com/office/drawing/2014/main" id="{18DA8BD8-4D10-F04D-369E-089788044C44}"/>
              </a:ext>
            </a:extLst>
          </p:cNvPr>
          <p:cNvSpPr>
            <a:spLocks noGrp="1"/>
          </p:cNvSpPr>
          <p:nvPr>
            <p:ph type="body" sz="quarter" idx="19" hasCustomPrompt="1"/>
          </p:nvPr>
        </p:nvSpPr>
        <p:spPr>
          <a:xfrm>
            <a:off x="648000" y="2605967"/>
            <a:ext cx="438755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 og efternavn</a:t>
            </a:r>
          </a:p>
        </p:txBody>
      </p:sp>
      <p:sp>
        <p:nvSpPr>
          <p:cNvPr id="5" name="Date Placeholder 6">
            <a:extLst>
              <a:ext uri="{FF2B5EF4-FFF2-40B4-BE49-F238E27FC236}">
                <a16:creationId xmlns:a16="http://schemas.microsoft.com/office/drawing/2014/main" id="{27A59C48-14BC-4204-45C7-53A2D7F67C89}"/>
              </a:ext>
            </a:extLst>
          </p:cNvPr>
          <p:cNvSpPr txBox="1">
            <a:spLocks/>
          </p:cNvSpPr>
          <p:nvPr userDrawn="1"/>
        </p:nvSpPr>
        <p:spPr>
          <a:xfrm>
            <a:off x="648000" y="2901257"/>
            <a:ext cx="4388400" cy="324000"/>
          </a:xfrm>
          <a:prstGeom prst="rect">
            <a:avLst/>
          </a:prstGeom>
        </p:spPr>
        <p:txBody>
          <a:bodyPr vert="horz" lIns="0" tIns="0" rIns="0" bIns="0" rtlCol="0" anchor="t" anchorCtr="0"/>
          <a:lstStyle>
            <a:defPPr>
              <a:defRPr lang="en-US"/>
            </a:defPPr>
            <a:lvl1pPr marL="0" algn="r" defTabSz="914400" rtl="0" eaLnBrk="1" latinLnBrk="0" hangingPunct="1">
              <a:defRPr sz="200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fld id="{54A937AC-837E-4900-A9B4-EB8622A1E968}" type="datetime2">
              <a:rPr lang="da-DK" smtClean="0"/>
              <a:pPr algn="l"/>
              <a:t>11. september 2024</a:t>
            </a:fld>
            <a:endParaRPr lang="da-DK" dirty="0"/>
          </a:p>
        </p:txBody>
      </p:sp>
      <p:pic>
        <p:nvPicPr>
          <p:cNvPr id="1773101080" name="Dynamic cover logo hvid" descr="{&quot;templafy&quot;:{&quot;id&quot;:&quot;e10a887b-9fdf-4e62-92e5-bc150bb70410&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691115835"/>
      </p:ext>
    </p:extLst>
  </p:cSld>
  <p:clrMapOvr>
    <a:masterClrMapping/>
  </p:clrMapOvr>
  <p:hf sldNum="0" hdr="0" ftr="0"/>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Forside billede uden navn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B9D254C8-3CF1-61FB-D1B5-12181816FD81}"/>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25EE4BB6-1872-41CD-8FC5-9B4C6EC8EFBF}" type="datetime2">
              <a:rPr lang="da-DK" smtClean="0"/>
              <a:t>11. september 2024</a:t>
            </a:fld>
            <a:endParaRPr lang="da-DK" dirty="0"/>
          </a:p>
        </p:txBody>
      </p:sp>
      <p:sp>
        <p:nvSpPr>
          <p:cNvPr id="11" name="Footer Placeholder 8" hidden="1">
            <a:extLst>
              <a:ext uri="{FF2B5EF4-FFF2-40B4-BE49-F238E27FC236}">
                <a16:creationId xmlns:a16="http://schemas.microsoft.com/office/drawing/2014/main" id="{7AC1EA72-2ABB-A105-6A9A-CF2A2F6E8890}"/>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38A0F504-3DCC-14C8-F974-E890C35FE8B8}"/>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2" name="Title 1">
            <a:extLst>
              <a:ext uri="{FF2B5EF4-FFF2-40B4-BE49-F238E27FC236}">
                <a16:creationId xmlns:a16="http://schemas.microsoft.com/office/drawing/2014/main" id="{BAA1FC40-0E07-46B2-80F9-1324562DE668}"/>
              </a:ext>
            </a:extLst>
          </p:cNvPr>
          <p:cNvSpPr>
            <a:spLocks noGrp="1"/>
          </p:cNvSpPr>
          <p:nvPr>
            <p:ph type="title" hasCustomPrompt="1"/>
          </p:nvPr>
        </p:nvSpPr>
        <p:spPr>
          <a:xfrm>
            <a:off x="648000" y="648000"/>
            <a:ext cx="7435550" cy="1296000"/>
          </a:xfrm>
        </p:spPr>
        <p:txBody>
          <a:bodyPr/>
          <a:lstStyle>
            <a:lvl1pPr>
              <a:defRPr sz="4800">
                <a:solidFill>
                  <a:schemeClr val="bg1"/>
                </a:solidFill>
              </a:defRPr>
            </a:lvl1pPr>
          </a:lstStyle>
          <a:p>
            <a:r>
              <a:rPr lang="da-DK" dirty="0"/>
              <a:t>Klik for at indsætte overskrift – max. to linjer</a:t>
            </a:r>
          </a:p>
        </p:txBody>
      </p:sp>
      <p:sp>
        <p:nvSpPr>
          <p:cNvPr id="4" name="TextBox 16">
            <a:extLst>
              <a:ext uri="{FF2B5EF4-FFF2-40B4-BE49-F238E27FC236}">
                <a16:creationId xmlns:a16="http://schemas.microsoft.com/office/drawing/2014/main" id="{FEB0DF23-2BCC-CAD7-380E-9DB66BFF5E6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13" name="Pladsholder til tekst 12">
            <a:extLst>
              <a:ext uri="{FF2B5EF4-FFF2-40B4-BE49-F238E27FC236}">
                <a16:creationId xmlns:a16="http://schemas.microsoft.com/office/drawing/2014/main" id="{F50CF705-5B0B-ABEE-C230-0BB82AD954AC}"/>
              </a:ext>
            </a:extLst>
          </p:cNvPr>
          <p:cNvSpPr>
            <a:spLocks noGrp="1"/>
          </p:cNvSpPr>
          <p:nvPr>
            <p:ph type="body" sz="quarter" idx="18" hasCustomPrompt="1"/>
          </p:nvPr>
        </p:nvSpPr>
        <p:spPr>
          <a:xfrm>
            <a:off x="9653618" y="2154813"/>
            <a:ext cx="1780398" cy="1660041"/>
          </a:xfrm>
          <a:custGeom>
            <a:avLst/>
            <a:gdLst>
              <a:gd name="connsiteX0" fmla="*/ 178039 w 1780398"/>
              <a:gd name="connsiteY0" fmla="*/ 0 h 1660041"/>
              <a:gd name="connsiteX1" fmla="*/ 1602359 w 1780398"/>
              <a:gd name="connsiteY1" fmla="*/ 0 h 1660041"/>
              <a:gd name="connsiteX2" fmla="*/ 1780398 w 1780398"/>
              <a:gd name="connsiteY2" fmla="*/ 178039 h 1660041"/>
              <a:gd name="connsiteX3" fmla="*/ 1780398 w 1780398"/>
              <a:gd name="connsiteY3" fmla="*/ 1482002 h 1660041"/>
              <a:gd name="connsiteX4" fmla="*/ 1602359 w 1780398"/>
              <a:gd name="connsiteY4" fmla="*/ 1660041 h 1660041"/>
              <a:gd name="connsiteX5" fmla="*/ 679802 w 1780398"/>
              <a:gd name="connsiteY5" fmla="*/ 1660041 h 1660041"/>
              <a:gd name="connsiteX6" fmla="*/ 178039 w 1780398"/>
              <a:gd name="connsiteY6" fmla="*/ 1660041 h 1660041"/>
              <a:gd name="connsiteX7" fmla="*/ 0 w 1780398"/>
              <a:gd name="connsiteY7" fmla="*/ 1660041 h 1660041"/>
              <a:gd name="connsiteX8" fmla="*/ 0 w 1780398"/>
              <a:gd name="connsiteY8" fmla="*/ 1482002 h 1660041"/>
              <a:gd name="connsiteX9" fmla="*/ 0 w 1780398"/>
              <a:gd name="connsiteY9" fmla="*/ 1078877 h 1660041"/>
              <a:gd name="connsiteX10" fmla="*/ 0 w 1780398"/>
              <a:gd name="connsiteY10" fmla="*/ 178039 h 1660041"/>
              <a:gd name="connsiteX11" fmla="*/ 178039 w 1780398"/>
              <a:gd name="connsiteY11" fmla="*/ 0 h 16600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0398" h="1660041">
                <a:moveTo>
                  <a:pt x="178039" y="0"/>
                </a:moveTo>
                <a:lnTo>
                  <a:pt x="1602359" y="0"/>
                </a:lnTo>
                <a:cubicBezTo>
                  <a:pt x="1700687" y="0"/>
                  <a:pt x="1780398" y="79711"/>
                  <a:pt x="1780398" y="178039"/>
                </a:cubicBezTo>
                <a:lnTo>
                  <a:pt x="1780398" y="1482002"/>
                </a:lnTo>
                <a:cubicBezTo>
                  <a:pt x="1780398" y="1580330"/>
                  <a:pt x="1700687" y="1660041"/>
                  <a:pt x="1602359" y="1660041"/>
                </a:cubicBezTo>
                <a:lnTo>
                  <a:pt x="679802" y="1660041"/>
                </a:lnTo>
                <a:lnTo>
                  <a:pt x="178039" y="1660041"/>
                </a:lnTo>
                <a:lnTo>
                  <a:pt x="0" y="1660041"/>
                </a:lnTo>
                <a:lnTo>
                  <a:pt x="0" y="1482002"/>
                </a:lnTo>
                <a:lnTo>
                  <a:pt x="0" y="1078877"/>
                </a:lnTo>
                <a:lnTo>
                  <a:pt x="0" y="178039"/>
                </a:lnTo>
                <a:cubicBezTo>
                  <a:pt x="0" y="79711"/>
                  <a:pt x="79711" y="0"/>
                  <a:pt x="178039" y="0"/>
                </a:cubicBezTo>
                <a:close/>
              </a:path>
            </a:pathLst>
          </a:custGeom>
          <a:ln w="15875">
            <a:solidFill>
              <a:schemeClr val="bg1"/>
            </a:solidFill>
          </a:ln>
        </p:spPr>
        <p:txBody>
          <a:bodyPr wrap="square" lIns="72000" tIns="72000" rIns="72000" bIns="72000" anchor="ctr" anchorCtr="0">
            <a:noAutofit/>
          </a:bodyPr>
          <a:lstStyle>
            <a:lvl1pPr marL="0" indent="0" algn="ctr">
              <a:lnSpc>
                <a:spcPct val="100000"/>
              </a:lnSpc>
              <a:spcAft>
                <a:spcPts val="0"/>
              </a:spcAft>
              <a:buFont typeface="Arial" panose="020B0604020202020204" pitchFamily="34" charset="0"/>
              <a:buNone/>
              <a:defRPr sz="100" b="0">
                <a:noFill/>
                <a:latin typeface="DI Numbers Office" pitchFamily="2" charset="0"/>
              </a:defRPr>
            </a:lvl1pPr>
            <a:lvl2pPr marL="0" indent="0">
              <a:lnSpc>
                <a:spcPct val="87000"/>
              </a:lnSpc>
              <a:spcAft>
                <a:spcPts val="0"/>
              </a:spcAft>
              <a:buFont typeface="Arial" panose="020B0604020202020204" pitchFamily="34" charset="0"/>
              <a:buNone/>
              <a:defRPr sz="6000" b="0">
                <a:latin typeface="DI Numbers Office" pitchFamily="2" charset="0"/>
              </a:defRPr>
            </a:lvl2pPr>
            <a:lvl3pPr marL="0" indent="0">
              <a:lnSpc>
                <a:spcPct val="87000"/>
              </a:lnSpc>
              <a:spcAft>
                <a:spcPts val="0"/>
              </a:spcAft>
              <a:buFont typeface="Arial" panose="020B0604020202020204" pitchFamily="34" charset="0"/>
              <a:buNone/>
              <a:defRPr sz="6000" b="0">
                <a:latin typeface="DI Numbers Office" pitchFamily="2" charset="0"/>
              </a:defRPr>
            </a:lvl3pPr>
            <a:lvl4pPr marL="0" indent="0">
              <a:lnSpc>
                <a:spcPct val="87000"/>
              </a:lnSpc>
              <a:spcAft>
                <a:spcPts val="0"/>
              </a:spcAft>
              <a:buFont typeface="Arial" panose="020B0604020202020204" pitchFamily="34" charset="0"/>
              <a:buNone/>
              <a:defRPr sz="6000" b="0">
                <a:latin typeface="DI Numbers Office" pitchFamily="2" charset="0"/>
              </a:defRPr>
            </a:lvl4pPr>
            <a:lvl5pPr marL="0" indent="0">
              <a:lnSpc>
                <a:spcPct val="87000"/>
              </a:lnSpc>
              <a:spcAft>
                <a:spcPts val="0"/>
              </a:spcAft>
              <a:buFont typeface="Arial" panose="020B0604020202020204" pitchFamily="34" charset="0"/>
              <a:buNone/>
              <a:defRPr sz="6000" b="0">
                <a:latin typeface="DI Numbers Office" pitchFamily="2" charset="0"/>
              </a:defRPr>
            </a:lvl5pPr>
            <a:lvl6pPr marL="0" indent="0">
              <a:lnSpc>
                <a:spcPct val="87000"/>
              </a:lnSpc>
              <a:spcAft>
                <a:spcPts val="0"/>
              </a:spcAft>
              <a:buFont typeface="Arial" panose="020B0604020202020204" pitchFamily="34" charset="0"/>
              <a:buNone/>
              <a:defRPr sz="6000" b="0">
                <a:latin typeface="DI Numbers Office" pitchFamily="2" charset="0"/>
              </a:defRPr>
            </a:lvl6pPr>
            <a:lvl7pPr marL="0" indent="0">
              <a:lnSpc>
                <a:spcPct val="87000"/>
              </a:lnSpc>
              <a:spcAft>
                <a:spcPts val="0"/>
              </a:spcAft>
              <a:buFont typeface="Arial" panose="020B0604020202020204" pitchFamily="34" charset="0"/>
              <a:buNone/>
              <a:defRPr sz="6000" b="0">
                <a:latin typeface="DI Numbers Office" pitchFamily="2" charset="0"/>
              </a:defRPr>
            </a:lvl7pPr>
            <a:lvl8pPr marL="0" indent="0">
              <a:lnSpc>
                <a:spcPct val="87000"/>
              </a:lnSpc>
              <a:spcAft>
                <a:spcPts val="0"/>
              </a:spcAft>
              <a:buFont typeface="Arial" panose="020B0604020202020204" pitchFamily="34" charset="0"/>
              <a:buNone/>
              <a:defRPr sz="6000" b="0">
                <a:latin typeface="DI Numbers Office" pitchFamily="2" charset="0"/>
              </a:defRPr>
            </a:lvl8pPr>
            <a:lvl9pPr marL="0" indent="0">
              <a:lnSpc>
                <a:spcPct val="87000"/>
              </a:lnSpc>
              <a:spcAft>
                <a:spcPts val="0"/>
              </a:spcAft>
              <a:buFont typeface="Arial" panose="020B0604020202020204" pitchFamily="34" charset="0"/>
              <a:buNone/>
              <a:defRPr sz="6000" b="0">
                <a:latin typeface="DI Numbers Office" pitchFamily="2" charset="0"/>
              </a:defRPr>
            </a:lvl9pPr>
          </a:lstStyle>
          <a:p>
            <a:pPr lvl="0"/>
            <a:r>
              <a:rPr lang="da-DK" noProof="0" dirty="0"/>
              <a:t>.</a:t>
            </a:r>
            <a:endParaRPr lang="da-DK" dirty="0"/>
          </a:p>
        </p:txBody>
      </p:sp>
      <p:pic>
        <p:nvPicPr>
          <p:cNvPr id="1379247910" name="Dynamic cover logo hvid" descr="{&quot;templafy&quot;:{&quot;id&quot;:&quot;4ba5dc72-bcad-4f00-ba3a-9d1f2f9cc289&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1024442162"/>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Forside billede uden navn B">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4022E5A2-5470-4965-BF6A-D0A7391310E2}" type="datetime2">
              <a:rPr lang="da-DK" smtClean="0"/>
              <a:t>11.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44" name="Kombinationstegning: figur 43">
            <a:extLst>
              <a:ext uri="{FF2B5EF4-FFF2-40B4-BE49-F238E27FC236}">
                <a16:creationId xmlns:a16="http://schemas.microsoft.com/office/drawing/2014/main" id="{4B4AC28A-B22D-EBC3-E04D-2CDF1AD8FD9A}"/>
              </a:ext>
            </a:extLst>
          </p:cNvPr>
          <p:cNvSpPr/>
          <p:nvPr userDrawn="1"/>
        </p:nvSpPr>
        <p:spPr>
          <a:xfrm>
            <a:off x="3685879" y="2917009"/>
            <a:ext cx="2279945" cy="3434805"/>
          </a:xfrm>
          <a:custGeom>
            <a:avLst/>
            <a:gdLst>
              <a:gd name="connsiteX0" fmla="*/ 178451 w 2279945"/>
              <a:gd name="connsiteY0" fmla="*/ 0 h 3434805"/>
              <a:gd name="connsiteX1" fmla="*/ 2101494 w 2279945"/>
              <a:gd name="connsiteY1" fmla="*/ 0 h 3434805"/>
              <a:gd name="connsiteX2" fmla="*/ 2279945 w 2279945"/>
              <a:gd name="connsiteY2" fmla="*/ 178451 h 3434805"/>
              <a:gd name="connsiteX3" fmla="*/ 2279945 w 2279945"/>
              <a:gd name="connsiteY3" fmla="*/ 3256354 h 3434805"/>
              <a:gd name="connsiteX4" fmla="*/ 2101494 w 2279945"/>
              <a:gd name="connsiteY4" fmla="*/ 3434805 h 3434805"/>
              <a:gd name="connsiteX5" fmla="*/ 1009650 w 2279945"/>
              <a:gd name="connsiteY5" fmla="*/ 3434805 h 3434805"/>
              <a:gd name="connsiteX6" fmla="*/ 178451 w 2279945"/>
              <a:gd name="connsiteY6" fmla="*/ 3434805 h 3434805"/>
              <a:gd name="connsiteX7" fmla="*/ 0 w 2279945"/>
              <a:gd name="connsiteY7" fmla="*/ 3434805 h 3434805"/>
              <a:gd name="connsiteX8" fmla="*/ 0 w 2279945"/>
              <a:gd name="connsiteY8" fmla="*/ 3256354 h 3434805"/>
              <a:gd name="connsiteX9" fmla="*/ 0 w 2279945"/>
              <a:gd name="connsiteY9" fmla="*/ 2272755 h 3434805"/>
              <a:gd name="connsiteX10" fmla="*/ 0 w 2279945"/>
              <a:gd name="connsiteY10" fmla="*/ 178451 h 3434805"/>
              <a:gd name="connsiteX11" fmla="*/ 178451 w 2279945"/>
              <a:gd name="connsiteY11" fmla="*/ 0 h 34348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79945" h="3434805">
                <a:moveTo>
                  <a:pt x="178451" y="0"/>
                </a:moveTo>
                <a:lnTo>
                  <a:pt x="2101494" y="0"/>
                </a:lnTo>
                <a:cubicBezTo>
                  <a:pt x="2200050" y="0"/>
                  <a:pt x="2279945" y="79895"/>
                  <a:pt x="2279945" y="178451"/>
                </a:cubicBezTo>
                <a:lnTo>
                  <a:pt x="2279945" y="3256354"/>
                </a:lnTo>
                <a:cubicBezTo>
                  <a:pt x="2279945" y="3354910"/>
                  <a:pt x="2200050" y="3434805"/>
                  <a:pt x="2101494" y="3434805"/>
                </a:cubicBezTo>
                <a:lnTo>
                  <a:pt x="1009650" y="3434805"/>
                </a:lnTo>
                <a:lnTo>
                  <a:pt x="178451" y="3434805"/>
                </a:lnTo>
                <a:lnTo>
                  <a:pt x="0" y="3434805"/>
                </a:lnTo>
                <a:lnTo>
                  <a:pt x="0" y="3256354"/>
                </a:lnTo>
                <a:lnTo>
                  <a:pt x="0" y="2272755"/>
                </a:lnTo>
                <a:lnTo>
                  <a:pt x="0" y="178451"/>
                </a:lnTo>
                <a:cubicBezTo>
                  <a:pt x="0" y="79895"/>
                  <a:pt x="79895" y="0"/>
                  <a:pt x="178451"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3" name="Kombinationstegning: figur 42">
            <a:extLst>
              <a:ext uri="{FF2B5EF4-FFF2-40B4-BE49-F238E27FC236}">
                <a16:creationId xmlns:a16="http://schemas.microsoft.com/office/drawing/2014/main" id="{368D428A-E186-E93F-00D5-2BBAB2E157F5}"/>
              </a:ext>
            </a:extLst>
          </p:cNvPr>
          <p:cNvSpPr/>
          <p:nvPr userDrawn="1"/>
        </p:nvSpPr>
        <p:spPr>
          <a:xfrm>
            <a:off x="1649691" y="2917009"/>
            <a:ext cx="1785660" cy="1145538"/>
          </a:xfrm>
          <a:custGeom>
            <a:avLst/>
            <a:gdLst>
              <a:gd name="connsiteX0" fmla="*/ 183458 w 1785660"/>
              <a:gd name="connsiteY0" fmla="*/ 0 h 1145538"/>
              <a:gd name="connsiteX1" fmla="*/ 776010 w 1785660"/>
              <a:gd name="connsiteY1" fmla="*/ 0 h 1145538"/>
              <a:gd name="connsiteX2" fmla="*/ 1602202 w 1785660"/>
              <a:gd name="connsiteY2" fmla="*/ 0 h 1145538"/>
              <a:gd name="connsiteX3" fmla="*/ 1785660 w 1785660"/>
              <a:gd name="connsiteY3" fmla="*/ 0 h 1145538"/>
              <a:gd name="connsiteX4" fmla="*/ 1785660 w 1785660"/>
              <a:gd name="connsiteY4" fmla="*/ 183458 h 1145538"/>
              <a:gd name="connsiteX5" fmla="*/ 1785660 w 1785660"/>
              <a:gd name="connsiteY5" fmla="*/ 561975 h 1145538"/>
              <a:gd name="connsiteX6" fmla="*/ 1785660 w 1785660"/>
              <a:gd name="connsiteY6" fmla="*/ 962080 h 1145538"/>
              <a:gd name="connsiteX7" fmla="*/ 1602202 w 1785660"/>
              <a:gd name="connsiteY7" fmla="*/ 1145538 h 1145538"/>
              <a:gd name="connsiteX8" fmla="*/ 183458 w 1785660"/>
              <a:gd name="connsiteY8" fmla="*/ 1145538 h 1145538"/>
              <a:gd name="connsiteX9" fmla="*/ 0 w 1785660"/>
              <a:gd name="connsiteY9" fmla="*/ 962080 h 1145538"/>
              <a:gd name="connsiteX10" fmla="*/ 0 w 1785660"/>
              <a:gd name="connsiteY10" fmla="*/ 183458 h 1145538"/>
              <a:gd name="connsiteX11" fmla="*/ 183458 w 1785660"/>
              <a:gd name="connsiteY11" fmla="*/ 0 h 1145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5660" h="1145538">
                <a:moveTo>
                  <a:pt x="183458" y="0"/>
                </a:moveTo>
                <a:lnTo>
                  <a:pt x="776010" y="0"/>
                </a:lnTo>
                <a:lnTo>
                  <a:pt x="1602202" y="0"/>
                </a:lnTo>
                <a:lnTo>
                  <a:pt x="1785660" y="0"/>
                </a:lnTo>
                <a:lnTo>
                  <a:pt x="1785660" y="183458"/>
                </a:lnTo>
                <a:lnTo>
                  <a:pt x="1785660" y="561975"/>
                </a:lnTo>
                <a:lnTo>
                  <a:pt x="1785660" y="962080"/>
                </a:lnTo>
                <a:cubicBezTo>
                  <a:pt x="1785660" y="1063401"/>
                  <a:pt x="1703523" y="1145538"/>
                  <a:pt x="1602202" y="1145538"/>
                </a:cubicBezTo>
                <a:lnTo>
                  <a:pt x="183458" y="1145538"/>
                </a:lnTo>
                <a:cubicBezTo>
                  <a:pt x="82137" y="1145538"/>
                  <a:pt x="0" y="1063401"/>
                  <a:pt x="0" y="962080"/>
                </a:cubicBezTo>
                <a:lnTo>
                  <a:pt x="0" y="183458"/>
                </a:lnTo>
                <a:cubicBezTo>
                  <a:pt x="0" y="82137"/>
                  <a:pt x="82137" y="0"/>
                  <a:pt x="183458"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2" name="Kombinationstegning: figur 41">
            <a:extLst>
              <a:ext uri="{FF2B5EF4-FFF2-40B4-BE49-F238E27FC236}">
                <a16:creationId xmlns:a16="http://schemas.microsoft.com/office/drawing/2014/main" id="{92615C35-0EB4-2246-705E-B3B96273D2A6}"/>
              </a:ext>
            </a:extLst>
          </p:cNvPr>
          <p:cNvSpPr/>
          <p:nvPr userDrawn="1"/>
        </p:nvSpPr>
        <p:spPr>
          <a:xfrm>
            <a:off x="0" y="1"/>
            <a:ext cx="8755063" cy="2658358"/>
          </a:xfrm>
          <a:custGeom>
            <a:avLst/>
            <a:gdLst>
              <a:gd name="connsiteX0" fmla="*/ 0 w 8755063"/>
              <a:gd name="connsiteY0" fmla="*/ 0 h 2658358"/>
              <a:gd name="connsiteX1" fmla="*/ 170480 w 8755063"/>
              <a:gd name="connsiteY1" fmla="*/ 0 h 2658358"/>
              <a:gd name="connsiteX2" fmla="*/ 1009650 w 8755063"/>
              <a:gd name="connsiteY2" fmla="*/ 0 h 2658358"/>
              <a:gd name="connsiteX3" fmla="*/ 7745413 w 8755063"/>
              <a:gd name="connsiteY3" fmla="*/ 0 h 2658358"/>
              <a:gd name="connsiteX4" fmla="*/ 8584583 w 8755063"/>
              <a:gd name="connsiteY4" fmla="*/ 0 h 2658358"/>
              <a:gd name="connsiteX5" fmla="*/ 8755063 w 8755063"/>
              <a:gd name="connsiteY5" fmla="*/ 0 h 2658358"/>
              <a:gd name="connsiteX6" fmla="*/ 8755063 w 8755063"/>
              <a:gd name="connsiteY6" fmla="*/ 170480 h 2658358"/>
              <a:gd name="connsiteX7" fmla="*/ 8755063 w 8755063"/>
              <a:gd name="connsiteY7" fmla="*/ 1162050 h 2658358"/>
              <a:gd name="connsiteX8" fmla="*/ 8755063 w 8755063"/>
              <a:gd name="connsiteY8" fmla="*/ 2487878 h 2658358"/>
              <a:gd name="connsiteX9" fmla="*/ 8584583 w 8755063"/>
              <a:gd name="connsiteY9" fmla="*/ 2658358 h 2658358"/>
              <a:gd name="connsiteX10" fmla="*/ 1009650 w 8755063"/>
              <a:gd name="connsiteY10" fmla="*/ 2658358 h 2658358"/>
              <a:gd name="connsiteX11" fmla="*/ 170480 w 8755063"/>
              <a:gd name="connsiteY11" fmla="*/ 2658358 h 2658358"/>
              <a:gd name="connsiteX12" fmla="*/ 0 w 8755063"/>
              <a:gd name="connsiteY12" fmla="*/ 2658358 h 2658358"/>
              <a:gd name="connsiteX13" fmla="*/ 0 w 8755063"/>
              <a:gd name="connsiteY13" fmla="*/ 2487878 h 2658358"/>
              <a:gd name="connsiteX14" fmla="*/ 0 w 8755063"/>
              <a:gd name="connsiteY14" fmla="*/ 1496308 h 2658358"/>
              <a:gd name="connsiteX15" fmla="*/ 0 w 8755063"/>
              <a:gd name="connsiteY15" fmla="*/ 1162050 h 2658358"/>
              <a:gd name="connsiteX16" fmla="*/ 0 w 8755063"/>
              <a:gd name="connsiteY16" fmla="*/ 17048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19" fmla="*/ 85725 w 8755063"/>
              <a:gd name="connsiteY19" fmla="*/ 238124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0" fmla="*/ 0 w 8755063"/>
              <a:gd name="connsiteY0" fmla="*/ 0 h 2658358"/>
              <a:gd name="connsiteX1" fmla="*/ 170480 w 8755063"/>
              <a:gd name="connsiteY1" fmla="*/ 0 h 2658358"/>
              <a:gd name="connsiteX2" fmla="*/ 1009650 w 8755063"/>
              <a:gd name="connsiteY2" fmla="*/ 0 h 2658358"/>
              <a:gd name="connsiteX3" fmla="*/ 7745413 w 8755063"/>
              <a:gd name="connsiteY3" fmla="*/ 0 h 2658358"/>
              <a:gd name="connsiteX4" fmla="*/ 8584583 w 8755063"/>
              <a:gd name="connsiteY4" fmla="*/ 0 h 2658358"/>
              <a:gd name="connsiteX5" fmla="*/ 8755063 w 8755063"/>
              <a:gd name="connsiteY5" fmla="*/ 0 h 2658358"/>
              <a:gd name="connsiteX6" fmla="*/ 8755063 w 8755063"/>
              <a:gd name="connsiteY6" fmla="*/ 170480 h 2658358"/>
              <a:gd name="connsiteX7" fmla="*/ 8755063 w 8755063"/>
              <a:gd name="connsiteY7" fmla="*/ 1162050 h 2658358"/>
              <a:gd name="connsiteX8" fmla="*/ 8755063 w 8755063"/>
              <a:gd name="connsiteY8" fmla="*/ 2487878 h 2658358"/>
              <a:gd name="connsiteX9" fmla="*/ 8584583 w 8755063"/>
              <a:gd name="connsiteY9" fmla="*/ 2658358 h 2658358"/>
              <a:gd name="connsiteX10" fmla="*/ 1009650 w 8755063"/>
              <a:gd name="connsiteY10" fmla="*/ 2658358 h 2658358"/>
              <a:gd name="connsiteX11" fmla="*/ 170480 w 8755063"/>
              <a:gd name="connsiteY11" fmla="*/ 2658358 h 2658358"/>
              <a:gd name="connsiteX12" fmla="*/ 0 w 8755063"/>
              <a:gd name="connsiteY12" fmla="*/ 2658358 h 2658358"/>
              <a:gd name="connsiteX0" fmla="*/ 0 w 8755063"/>
              <a:gd name="connsiteY0" fmla="*/ 0 h 2658358"/>
              <a:gd name="connsiteX1" fmla="*/ 170480 w 8755063"/>
              <a:gd name="connsiteY1" fmla="*/ 0 h 2658358"/>
              <a:gd name="connsiteX2" fmla="*/ 7745413 w 8755063"/>
              <a:gd name="connsiteY2" fmla="*/ 0 h 2658358"/>
              <a:gd name="connsiteX3" fmla="*/ 8584583 w 8755063"/>
              <a:gd name="connsiteY3" fmla="*/ 0 h 2658358"/>
              <a:gd name="connsiteX4" fmla="*/ 8755063 w 8755063"/>
              <a:gd name="connsiteY4" fmla="*/ 0 h 2658358"/>
              <a:gd name="connsiteX5" fmla="*/ 8755063 w 8755063"/>
              <a:gd name="connsiteY5" fmla="*/ 170480 h 2658358"/>
              <a:gd name="connsiteX6" fmla="*/ 8755063 w 8755063"/>
              <a:gd name="connsiteY6" fmla="*/ 1162050 h 2658358"/>
              <a:gd name="connsiteX7" fmla="*/ 8755063 w 8755063"/>
              <a:gd name="connsiteY7" fmla="*/ 2487878 h 2658358"/>
              <a:gd name="connsiteX8" fmla="*/ 8584583 w 8755063"/>
              <a:gd name="connsiteY8" fmla="*/ 2658358 h 2658358"/>
              <a:gd name="connsiteX9" fmla="*/ 1009650 w 8755063"/>
              <a:gd name="connsiteY9" fmla="*/ 2658358 h 2658358"/>
              <a:gd name="connsiteX10" fmla="*/ 170480 w 8755063"/>
              <a:gd name="connsiteY10" fmla="*/ 2658358 h 2658358"/>
              <a:gd name="connsiteX11" fmla="*/ 0 w 8755063"/>
              <a:gd name="connsiteY11" fmla="*/ 2658358 h 2658358"/>
              <a:gd name="connsiteX0" fmla="*/ 0 w 8755063"/>
              <a:gd name="connsiteY0" fmla="*/ 0 h 2658358"/>
              <a:gd name="connsiteX1" fmla="*/ 7745413 w 8755063"/>
              <a:gd name="connsiteY1" fmla="*/ 0 h 2658358"/>
              <a:gd name="connsiteX2" fmla="*/ 8584583 w 8755063"/>
              <a:gd name="connsiteY2" fmla="*/ 0 h 2658358"/>
              <a:gd name="connsiteX3" fmla="*/ 8755063 w 8755063"/>
              <a:gd name="connsiteY3" fmla="*/ 0 h 2658358"/>
              <a:gd name="connsiteX4" fmla="*/ 8755063 w 8755063"/>
              <a:gd name="connsiteY4" fmla="*/ 170480 h 2658358"/>
              <a:gd name="connsiteX5" fmla="*/ 8755063 w 8755063"/>
              <a:gd name="connsiteY5" fmla="*/ 1162050 h 2658358"/>
              <a:gd name="connsiteX6" fmla="*/ 8755063 w 8755063"/>
              <a:gd name="connsiteY6" fmla="*/ 2487878 h 2658358"/>
              <a:gd name="connsiteX7" fmla="*/ 8584583 w 8755063"/>
              <a:gd name="connsiteY7" fmla="*/ 2658358 h 2658358"/>
              <a:gd name="connsiteX8" fmla="*/ 1009650 w 8755063"/>
              <a:gd name="connsiteY8" fmla="*/ 2658358 h 2658358"/>
              <a:gd name="connsiteX9" fmla="*/ 170480 w 8755063"/>
              <a:gd name="connsiteY9" fmla="*/ 2658358 h 2658358"/>
              <a:gd name="connsiteX10" fmla="*/ 0 w 8755063"/>
              <a:gd name="connsiteY10" fmla="*/ 2658358 h 2658358"/>
              <a:gd name="connsiteX0" fmla="*/ 7745413 w 8755063"/>
              <a:gd name="connsiteY0" fmla="*/ 0 h 2658358"/>
              <a:gd name="connsiteX1" fmla="*/ 8584583 w 8755063"/>
              <a:gd name="connsiteY1" fmla="*/ 0 h 2658358"/>
              <a:gd name="connsiteX2" fmla="*/ 8755063 w 8755063"/>
              <a:gd name="connsiteY2" fmla="*/ 0 h 2658358"/>
              <a:gd name="connsiteX3" fmla="*/ 8755063 w 8755063"/>
              <a:gd name="connsiteY3" fmla="*/ 170480 h 2658358"/>
              <a:gd name="connsiteX4" fmla="*/ 8755063 w 8755063"/>
              <a:gd name="connsiteY4" fmla="*/ 1162050 h 2658358"/>
              <a:gd name="connsiteX5" fmla="*/ 8755063 w 8755063"/>
              <a:gd name="connsiteY5" fmla="*/ 2487878 h 2658358"/>
              <a:gd name="connsiteX6" fmla="*/ 8584583 w 8755063"/>
              <a:gd name="connsiteY6" fmla="*/ 2658358 h 2658358"/>
              <a:gd name="connsiteX7" fmla="*/ 1009650 w 8755063"/>
              <a:gd name="connsiteY7" fmla="*/ 2658358 h 2658358"/>
              <a:gd name="connsiteX8" fmla="*/ 170480 w 8755063"/>
              <a:gd name="connsiteY8" fmla="*/ 2658358 h 2658358"/>
              <a:gd name="connsiteX9" fmla="*/ 0 w 8755063"/>
              <a:gd name="connsiteY9" fmla="*/ 2658358 h 2658358"/>
              <a:gd name="connsiteX0" fmla="*/ 8584583 w 8755063"/>
              <a:gd name="connsiteY0" fmla="*/ 0 h 2658358"/>
              <a:gd name="connsiteX1" fmla="*/ 8755063 w 8755063"/>
              <a:gd name="connsiteY1" fmla="*/ 0 h 2658358"/>
              <a:gd name="connsiteX2" fmla="*/ 8755063 w 8755063"/>
              <a:gd name="connsiteY2" fmla="*/ 170480 h 2658358"/>
              <a:gd name="connsiteX3" fmla="*/ 8755063 w 8755063"/>
              <a:gd name="connsiteY3" fmla="*/ 1162050 h 2658358"/>
              <a:gd name="connsiteX4" fmla="*/ 8755063 w 8755063"/>
              <a:gd name="connsiteY4" fmla="*/ 2487878 h 2658358"/>
              <a:gd name="connsiteX5" fmla="*/ 8584583 w 8755063"/>
              <a:gd name="connsiteY5" fmla="*/ 2658358 h 2658358"/>
              <a:gd name="connsiteX6" fmla="*/ 1009650 w 8755063"/>
              <a:gd name="connsiteY6" fmla="*/ 2658358 h 2658358"/>
              <a:gd name="connsiteX7" fmla="*/ 170480 w 8755063"/>
              <a:gd name="connsiteY7" fmla="*/ 2658358 h 2658358"/>
              <a:gd name="connsiteX8" fmla="*/ 0 w 8755063"/>
              <a:gd name="connsiteY8" fmla="*/ 2658358 h 2658358"/>
              <a:gd name="connsiteX0" fmla="*/ 8755063 w 8755063"/>
              <a:gd name="connsiteY0" fmla="*/ 0 h 2658358"/>
              <a:gd name="connsiteX1" fmla="*/ 8755063 w 8755063"/>
              <a:gd name="connsiteY1" fmla="*/ 170480 h 2658358"/>
              <a:gd name="connsiteX2" fmla="*/ 8755063 w 8755063"/>
              <a:gd name="connsiteY2" fmla="*/ 1162050 h 2658358"/>
              <a:gd name="connsiteX3" fmla="*/ 8755063 w 8755063"/>
              <a:gd name="connsiteY3" fmla="*/ 2487878 h 2658358"/>
              <a:gd name="connsiteX4" fmla="*/ 8584583 w 8755063"/>
              <a:gd name="connsiteY4" fmla="*/ 2658358 h 2658358"/>
              <a:gd name="connsiteX5" fmla="*/ 1009650 w 8755063"/>
              <a:gd name="connsiteY5" fmla="*/ 2658358 h 2658358"/>
              <a:gd name="connsiteX6" fmla="*/ 170480 w 8755063"/>
              <a:gd name="connsiteY6" fmla="*/ 2658358 h 2658358"/>
              <a:gd name="connsiteX7" fmla="*/ 0 w 8755063"/>
              <a:gd name="connsiteY7" fmla="*/ 2658358 h 26583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8755063" h="2658358">
                <a:moveTo>
                  <a:pt x="8755063" y="0"/>
                </a:moveTo>
                <a:lnTo>
                  <a:pt x="8755063" y="170480"/>
                </a:lnTo>
                <a:lnTo>
                  <a:pt x="8755063" y="1162050"/>
                </a:lnTo>
                <a:lnTo>
                  <a:pt x="8755063" y="2487878"/>
                </a:lnTo>
                <a:cubicBezTo>
                  <a:pt x="8755063" y="2582032"/>
                  <a:pt x="8678737" y="2658358"/>
                  <a:pt x="8584583" y="2658358"/>
                </a:cubicBezTo>
                <a:lnTo>
                  <a:pt x="1009650" y="2658358"/>
                </a:lnTo>
                <a:lnTo>
                  <a:pt x="170480" y="2658358"/>
                </a:lnTo>
                <a:lnTo>
                  <a:pt x="0" y="265835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7" name="Kombinationstegning: figur 36">
            <a:extLst>
              <a:ext uri="{FF2B5EF4-FFF2-40B4-BE49-F238E27FC236}">
                <a16:creationId xmlns:a16="http://schemas.microsoft.com/office/drawing/2014/main" id="{CBEC9A72-2B6F-4DB6-32FC-DB444A5AD36D}"/>
              </a:ext>
            </a:extLst>
          </p:cNvPr>
          <p:cNvSpPr/>
          <p:nvPr userDrawn="1"/>
        </p:nvSpPr>
        <p:spPr>
          <a:xfrm>
            <a:off x="6224588" y="2917009"/>
            <a:ext cx="3295270" cy="3824359"/>
          </a:xfrm>
          <a:custGeom>
            <a:avLst/>
            <a:gdLst>
              <a:gd name="connsiteX0" fmla="*/ 0 w 3295270"/>
              <a:gd name="connsiteY0" fmla="*/ 0 h 3824359"/>
              <a:gd name="connsiteX1" fmla="*/ 174386 w 3295270"/>
              <a:gd name="connsiteY1" fmla="*/ 0 h 3824359"/>
              <a:gd name="connsiteX2" fmla="*/ 1009650 w 3295270"/>
              <a:gd name="connsiteY2" fmla="*/ 0 h 3824359"/>
              <a:gd name="connsiteX3" fmla="*/ 3120884 w 3295270"/>
              <a:gd name="connsiteY3" fmla="*/ 0 h 3824359"/>
              <a:gd name="connsiteX4" fmla="*/ 3295270 w 3295270"/>
              <a:gd name="connsiteY4" fmla="*/ 174386 h 3824359"/>
              <a:gd name="connsiteX5" fmla="*/ 3295270 w 3295270"/>
              <a:gd name="connsiteY5" fmla="*/ 3649973 h 3824359"/>
              <a:gd name="connsiteX6" fmla="*/ 3120884 w 3295270"/>
              <a:gd name="connsiteY6" fmla="*/ 3824359 h 3824359"/>
              <a:gd name="connsiteX7" fmla="*/ 174386 w 3295270"/>
              <a:gd name="connsiteY7" fmla="*/ 3824359 h 3824359"/>
              <a:gd name="connsiteX8" fmla="*/ 0 w 3295270"/>
              <a:gd name="connsiteY8" fmla="*/ 3649973 h 3824359"/>
              <a:gd name="connsiteX9" fmla="*/ 0 w 3295270"/>
              <a:gd name="connsiteY9" fmla="*/ 1162050 h 3824359"/>
              <a:gd name="connsiteX10" fmla="*/ 0 w 3295270"/>
              <a:gd name="connsiteY10" fmla="*/ 174386 h 38243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295270" h="3824359">
                <a:moveTo>
                  <a:pt x="0" y="0"/>
                </a:moveTo>
                <a:lnTo>
                  <a:pt x="174386" y="0"/>
                </a:lnTo>
                <a:lnTo>
                  <a:pt x="1009650" y="0"/>
                </a:lnTo>
                <a:lnTo>
                  <a:pt x="3120884" y="0"/>
                </a:lnTo>
                <a:cubicBezTo>
                  <a:pt x="3217195" y="0"/>
                  <a:pt x="3295270" y="78075"/>
                  <a:pt x="3295270" y="174386"/>
                </a:cubicBezTo>
                <a:lnTo>
                  <a:pt x="3295270" y="3649973"/>
                </a:lnTo>
                <a:cubicBezTo>
                  <a:pt x="3295270" y="3746284"/>
                  <a:pt x="3217195" y="3824359"/>
                  <a:pt x="3120884" y="3824359"/>
                </a:cubicBezTo>
                <a:lnTo>
                  <a:pt x="174386" y="3824359"/>
                </a:lnTo>
                <a:cubicBezTo>
                  <a:pt x="78075" y="3824359"/>
                  <a:pt x="0" y="3746284"/>
                  <a:pt x="0" y="3649973"/>
                </a:cubicBezTo>
                <a:lnTo>
                  <a:pt x="0" y="1162050"/>
                </a:lnTo>
                <a:lnTo>
                  <a:pt x="0" y="174386"/>
                </a:ln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6" name="Kombinationstegning: figur 35">
            <a:extLst>
              <a:ext uri="{FF2B5EF4-FFF2-40B4-BE49-F238E27FC236}">
                <a16:creationId xmlns:a16="http://schemas.microsoft.com/office/drawing/2014/main" id="{D60EE587-2189-29D3-95AB-B3CFE0CD4DA4}"/>
              </a:ext>
            </a:extLst>
          </p:cNvPr>
          <p:cNvSpPr/>
          <p:nvPr userDrawn="1"/>
        </p:nvSpPr>
        <p:spPr>
          <a:xfrm>
            <a:off x="9780954" y="2917009"/>
            <a:ext cx="2411045" cy="2412637"/>
          </a:xfrm>
          <a:custGeom>
            <a:avLst/>
            <a:gdLst>
              <a:gd name="connsiteX0" fmla="*/ 0 w 2411045"/>
              <a:gd name="connsiteY0" fmla="*/ 0 h 2412637"/>
              <a:gd name="connsiteX1" fmla="*/ 180322 w 2411045"/>
              <a:gd name="connsiteY1" fmla="*/ 0 h 2412637"/>
              <a:gd name="connsiteX2" fmla="*/ 1009650 w 2411045"/>
              <a:gd name="connsiteY2" fmla="*/ 0 h 2412637"/>
              <a:gd name="connsiteX3" fmla="*/ 1401395 w 2411045"/>
              <a:gd name="connsiteY3" fmla="*/ 0 h 2412637"/>
              <a:gd name="connsiteX4" fmla="*/ 2230723 w 2411045"/>
              <a:gd name="connsiteY4" fmla="*/ 0 h 2412637"/>
              <a:gd name="connsiteX5" fmla="*/ 2411045 w 2411045"/>
              <a:gd name="connsiteY5" fmla="*/ 0 h 2412637"/>
              <a:gd name="connsiteX6" fmla="*/ 2411045 w 2411045"/>
              <a:gd name="connsiteY6" fmla="*/ 180322 h 2412637"/>
              <a:gd name="connsiteX7" fmla="*/ 2411045 w 2411045"/>
              <a:gd name="connsiteY7" fmla="*/ 1162050 h 2412637"/>
              <a:gd name="connsiteX8" fmla="*/ 2411045 w 2411045"/>
              <a:gd name="connsiteY8" fmla="*/ 1250587 h 2412637"/>
              <a:gd name="connsiteX9" fmla="*/ 2411045 w 2411045"/>
              <a:gd name="connsiteY9" fmla="*/ 2232315 h 2412637"/>
              <a:gd name="connsiteX10" fmla="*/ 2411045 w 2411045"/>
              <a:gd name="connsiteY10" fmla="*/ 2412637 h 2412637"/>
              <a:gd name="connsiteX11" fmla="*/ 2230723 w 2411045"/>
              <a:gd name="connsiteY11" fmla="*/ 2412637 h 2412637"/>
              <a:gd name="connsiteX12" fmla="*/ 1401395 w 2411045"/>
              <a:gd name="connsiteY12" fmla="*/ 2412637 h 2412637"/>
              <a:gd name="connsiteX13" fmla="*/ 180322 w 2411045"/>
              <a:gd name="connsiteY13" fmla="*/ 2412637 h 2412637"/>
              <a:gd name="connsiteX14" fmla="*/ 0 w 2411045"/>
              <a:gd name="connsiteY14" fmla="*/ 2232315 h 2412637"/>
              <a:gd name="connsiteX15" fmla="*/ 0 w 2411045"/>
              <a:gd name="connsiteY15" fmla="*/ 1162050 h 2412637"/>
              <a:gd name="connsiteX16" fmla="*/ 0 w 2411045"/>
              <a:gd name="connsiteY16" fmla="*/ 180322 h 2412637"/>
              <a:gd name="connsiteX0" fmla="*/ 2411045 w 2502485"/>
              <a:gd name="connsiteY0" fmla="*/ 180322 h 2412637"/>
              <a:gd name="connsiteX1" fmla="*/ 2411045 w 2502485"/>
              <a:gd name="connsiteY1" fmla="*/ 1162050 h 2412637"/>
              <a:gd name="connsiteX2" fmla="*/ 2411045 w 2502485"/>
              <a:gd name="connsiteY2" fmla="*/ 1250587 h 2412637"/>
              <a:gd name="connsiteX3" fmla="*/ 2411045 w 2502485"/>
              <a:gd name="connsiteY3" fmla="*/ 2232315 h 2412637"/>
              <a:gd name="connsiteX4" fmla="*/ 2411045 w 2502485"/>
              <a:gd name="connsiteY4" fmla="*/ 2412637 h 2412637"/>
              <a:gd name="connsiteX5" fmla="*/ 2230723 w 2502485"/>
              <a:gd name="connsiteY5" fmla="*/ 2412637 h 2412637"/>
              <a:gd name="connsiteX6" fmla="*/ 1401395 w 2502485"/>
              <a:gd name="connsiteY6" fmla="*/ 2412637 h 2412637"/>
              <a:gd name="connsiteX7" fmla="*/ 180322 w 2502485"/>
              <a:gd name="connsiteY7" fmla="*/ 2412637 h 2412637"/>
              <a:gd name="connsiteX8" fmla="*/ 0 w 2502485"/>
              <a:gd name="connsiteY8" fmla="*/ 2232315 h 2412637"/>
              <a:gd name="connsiteX9" fmla="*/ 0 w 2502485"/>
              <a:gd name="connsiteY9" fmla="*/ 1162050 h 2412637"/>
              <a:gd name="connsiteX10" fmla="*/ 0 w 2502485"/>
              <a:gd name="connsiteY10" fmla="*/ 180322 h 2412637"/>
              <a:gd name="connsiteX11" fmla="*/ 0 w 2502485"/>
              <a:gd name="connsiteY11" fmla="*/ 0 h 2412637"/>
              <a:gd name="connsiteX12" fmla="*/ 180322 w 2502485"/>
              <a:gd name="connsiteY12" fmla="*/ 0 h 2412637"/>
              <a:gd name="connsiteX13" fmla="*/ 1009650 w 2502485"/>
              <a:gd name="connsiteY13" fmla="*/ 0 h 2412637"/>
              <a:gd name="connsiteX14" fmla="*/ 1401395 w 2502485"/>
              <a:gd name="connsiteY14" fmla="*/ 0 h 2412637"/>
              <a:gd name="connsiteX15" fmla="*/ 2230723 w 2502485"/>
              <a:gd name="connsiteY15" fmla="*/ 0 h 2412637"/>
              <a:gd name="connsiteX16" fmla="*/ 2411045 w 2502485"/>
              <a:gd name="connsiteY16" fmla="*/ 0 h 2412637"/>
              <a:gd name="connsiteX17" fmla="*/ 2502485 w 2502485"/>
              <a:gd name="connsiteY17" fmla="*/ 271762 h 2412637"/>
              <a:gd name="connsiteX0" fmla="*/ 2411045 w 2411045"/>
              <a:gd name="connsiteY0" fmla="*/ 180322 h 2412637"/>
              <a:gd name="connsiteX1" fmla="*/ 2411045 w 2411045"/>
              <a:gd name="connsiteY1" fmla="*/ 1162050 h 2412637"/>
              <a:gd name="connsiteX2" fmla="*/ 2411045 w 2411045"/>
              <a:gd name="connsiteY2" fmla="*/ 1250587 h 2412637"/>
              <a:gd name="connsiteX3" fmla="*/ 2411045 w 2411045"/>
              <a:gd name="connsiteY3" fmla="*/ 2232315 h 2412637"/>
              <a:gd name="connsiteX4" fmla="*/ 2411045 w 2411045"/>
              <a:gd name="connsiteY4" fmla="*/ 2412637 h 2412637"/>
              <a:gd name="connsiteX5" fmla="*/ 2230723 w 2411045"/>
              <a:gd name="connsiteY5" fmla="*/ 2412637 h 2412637"/>
              <a:gd name="connsiteX6" fmla="*/ 1401395 w 2411045"/>
              <a:gd name="connsiteY6" fmla="*/ 2412637 h 2412637"/>
              <a:gd name="connsiteX7" fmla="*/ 180322 w 2411045"/>
              <a:gd name="connsiteY7" fmla="*/ 2412637 h 2412637"/>
              <a:gd name="connsiteX8" fmla="*/ 0 w 2411045"/>
              <a:gd name="connsiteY8" fmla="*/ 2232315 h 2412637"/>
              <a:gd name="connsiteX9" fmla="*/ 0 w 2411045"/>
              <a:gd name="connsiteY9" fmla="*/ 1162050 h 2412637"/>
              <a:gd name="connsiteX10" fmla="*/ 0 w 2411045"/>
              <a:gd name="connsiteY10" fmla="*/ 180322 h 2412637"/>
              <a:gd name="connsiteX11" fmla="*/ 0 w 2411045"/>
              <a:gd name="connsiteY11" fmla="*/ 0 h 2412637"/>
              <a:gd name="connsiteX12" fmla="*/ 180322 w 2411045"/>
              <a:gd name="connsiteY12" fmla="*/ 0 h 2412637"/>
              <a:gd name="connsiteX13" fmla="*/ 1009650 w 2411045"/>
              <a:gd name="connsiteY13" fmla="*/ 0 h 2412637"/>
              <a:gd name="connsiteX14" fmla="*/ 1401395 w 2411045"/>
              <a:gd name="connsiteY14" fmla="*/ 0 h 2412637"/>
              <a:gd name="connsiteX15" fmla="*/ 2230723 w 2411045"/>
              <a:gd name="connsiteY15" fmla="*/ 0 h 2412637"/>
              <a:gd name="connsiteX16" fmla="*/ 2411045 w 2411045"/>
              <a:gd name="connsiteY16" fmla="*/ 0 h 2412637"/>
              <a:gd name="connsiteX0" fmla="*/ 2411045 w 2411045"/>
              <a:gd name="connsiteY0" fmla="*/ 1162050 h 2412637"/>
              <a:gd name="connsiteX1" fmla="*/ 2411045 w 2411045"/>
              <a:gd name="connsiteY1" fmla="*/ 1250587 h 2412637"/>
              <a:gd name="connsiteX2" fmla="*/ 2411045 w 2411045"/>
              <a:gd name="connsiteY2" fmla="*/ 2232315 h 2412637"/>
              <a:gd name="connsiteX3" fmla="*/ 2411045 w 2411045"/>
              <a:gd name="connsiteY3" fmla="*/ 2412637 h 2412637"/>
              <a:gd name="connsiteX4" fmla="*/ 2230723 w 2411045"/>
              <a:gd name="connsiteY4" fmla="*/ 2412637 h 2412637"/>
              <a:gd name="connsiteX5" fmla="*/ 1401395 w 2411045"/>
              <a:gd name="connsiteY5" fmla="*/ 2412637 h 2412637"/>
              <a:gd name="connsiteX6" fmla="*/ 180322 w 2411045"/>
              <a:gd name="connsiteY6" fmla="*/ 2412637 h 2412637"/>
              <a:gd name="connsiteX7" fmla="*/ 0 w 2411045"/>
              <a:gd name="connsiteY7" fmla="*/ 2232315 h 2412637"/>
              <a:gd name="connsiteX8" fmla="*/ 0 w 2411045"/>
              <a:gd name="connsiteY8" fmla="*/ 1162050 h 2412637"/>
              <a:gd name="connsiteX9" fmla="*/ 0 w 2411045"/>
              <a:gd name="connsiteY9" fmla="*/ 180322 h 2412637"/>
              <a:gd name="connsiteX10" fmla="*/ 0 w 2411045"/>
              <a:gd name="connsiteY10" fmla="*/ 0 h 2412637"/>
              <a:gd name="connsiteX11" fmla="*/ 180322 w 2411045"/>
              <a:gd name="connsiteY11" fmla="*/ 0 h 2412637"/>
              <a:gd name="connsiteX12" fmla="*/ 1009650 w 2411045"/>
              <a:gd name="connsiteY12" fmla="*/ 0 h 2412637"/>
              <a:gd name="connsiteX13" fmla="*/ 1401395 w 2411045"/>
              <a:gd name="connsiteY13" fmla="*/ 0 h 2412637"/>
              <a:gd name="connsiteX14" fmla="*/ 2230723 w 2411045"/>
              <a:gd name="connsiteY14" fmla="*/ 0 h 2412637"/>
              <a:gd name="connsiteX15" fmla="*/ 2411045 w 2411045"/>
              <a:gd name="connsiteY15" fmla="*/ 0 h 2412637"/>
              <a:gd name="connsiteX0" fmla="*/ 2411045 w 2411045"/>
              <a:gd name="connsiteY0" fmla="*/ 1250587 h 2412637"/>
              <a:gd name="connsiteX1" fmla="*/ 2411045 w 2411045"/>
              <a:gd name="connsiteY1" fmla="*/ 2232315 h 2412637"/>
              <a:gd name="connsiteX2" fmla="*/ 2411045 w 2411045"/>
              <a:gd name="connsiteY2" fmla="*/ 2412637 h 2412637"/>
              <a:gd name="connsiteX3" fmla="*/ 2230723 w 2411045"/>
              <a:gd name="connsiteY3" fmla="*/ 2412637 h 2412637"/>
              <a:gd name="connsiteX4" fmla="*/ 1401395 w 2411045"/>
              <a:gd name="connsiteY4" fmla="*/ 2412637 h 2412637"/>
              <a:gd name="connsiteX5" fmla="*/ 180322 w 2411045"/>
              <a:gd name="connsiteY5" fmla="*/ 2412637 h 2412637"/>
              <a:gd name="connsiteX6" fmla="*/ 0 w 2411045"/>
              <a:gd name="connsiteY6" fmla="*/ 2232315 h 2412637"/>
              <a:gd name="connsiteX7" fmla="*/ 0 w 2411045"/>
              <a:gd name="connsiteY7" fmla="*/ 1162050 h 2412637"/>
              <a:gd name="connsiteX8" fmla="*/ 0 w 2411045"/>
              <a:gd name="connsiteY8" fmla="*/ 180322 h 2412637"/>
              <a:gd name="connsiteX9" fmla="*/ 0 w 2411045"/>
              <a:gd name="connsiteY9" fmla="*/ 0 h 2412637"/>
              <a:gd name="connsiteX10" fmla="*/ 180322 w 2411045"/>
              <a:gd name="connsiteY10" fmla="*/ 0 h 2412637"/>
              <a:gd name="connsiteX11" fmla="*/ 1009650 w 2411045"/>
              <a:gd name="connsiteY11" fmla="*/ 0 h 2412637"/>
              <a:gd name="connsiteX12" fmla="*/ 1401395 w 2411045"/>
              <a:gd name="connsiteY12" fmla="*/ 0 h 2412637"/>
              <a:gd name="connsiteX13" fmla="*/ 2230723 w 2411045"/>
              <a:gd name="connsiteY13" fmla="*/ 0 h 2412637"/>
              <a:gd name="connsiteX14" fmla="*/ 2411045 w 2411045"/>
              <a:gd name="connsiteY14" fmla="*/ 0 h 2412637"/>
              <a:gd name="connsiteX0" fmla="*/ 2411045 w 2411045"/>
              <a:gd name="connsiteY0" fmla="*/ 2232315 h 2412637"/>
              <a:gd name="connsiteX1" fmla="*/ 2411045 w 2411045"/>
              <a:gd name="connsiteY1" fmla="*/ 2412637 h 2412637"/>
              <a:gd name="connsiteX2" fmla="*/ 2230723 w 2411045"/>
              <a:gd name="connsiteY2" fmla="*/ 2412637 h 2412637"/>
              <a:gd name="connsiteX3" fmla="*/ 1401395 w 2411045"/>
              <a:gd name="connsiteY3" fmla="*/ 2412637 h 2412637"/>
              <a:gd name="connsiteX4" fmla="*/ 180322 w 2411045"/>
              <a:gd name="connsiteY4" fmla="*/ 2412637 h 2412637"/>
              <a:gd name="connsiteX5" fmla="*/ 0 w 2411045"/>
              <a:gd name="connsiteY5" fmla="*/ 2232315 h 2412637"/>
              <a:gd name="connsiteX6" fmla="*/ 0 w 2411045"/>
              <a:gd name="connsiteY6" fmla="*/ 1162050 h 2412637"/>
              <a:gd name="connsiteX7" fmla="*/ 0 w 2411045"/>
              <a:gd name="connsiteY7" fmla="*/ 180322 h 2412637"/>
              <a:gd name="connsiteX8" fmla="*/ 0 w 2411045"/>
              <a:gd name="connsiteY8" fmla="*/ 0 h 2412637"/>
              <a:gd name="connsiteX9" fmla="*/ 180322 w 2411045"/>
              <a:gd name="connsiteY9" fmla="*/ 0 h 2412637"/>
              <a:gd name="connsiteX10" fmla="*/ 1009650 w 2411045"/>
              <a:gd name="connsiteY10" fmla="*/ 0 h 2412637"/>
              <a:gd name="connsiteX11" fmla="*/ 1401395 w 2411045"/>
              <a:gd name="connsiteY11" fmla="*/ 0 h 2412637"/>
              <a:gd name="connsiteX12" fmla="*/ 2230723 w 2411045"/>
              <a:gd name="connsiteY12" fmla="*/ 0 h 2412637"/>
              <a:gd name="connsiteX13" fmla="*/ 2411045 w 2411045"/>
              <a:gd name="connsiteY13" fmla="*/ 0 h 2412637"/>
              <a:gd name="connsiteX0" fmla="*/ 2411045 w 2411045"/>
              <a:gd name="connsiteY0" fmla="*/ 2412637 h 2412637"/>
              <a:gd name="connsiteX1" fmla="*/ 2230723 w 2411045"/>
              <a:gd name="connsiteY1" fmla="*/ 2412637 h 2412637"/>
              <a:gd name="connsiteX2" fmla="*/ 1401395 w 2411045"/>
              <a:gd name="connsiteY2" fmla="*/ 2412637 h 2412637"/>
              <a:gd name="connsiteX3" fmla="*/ 180322 w 2411045"/>
              <a:gd name="connsiteY3" fmla="*/ 2412637 h 2412637"/>
              <a:gd name="connsiteX4" fmla="*/ 0 w 2411045"/>
              <a:gd name="connsiteY4" fmla="*/ 2232315 h 2412637"/>
              <a:gd name="connsiteX5" fmla="*/ 0 w 2411045"/>
              <a:gd name="connsiteY5" fmla="*/ 1162050 h 2412637"/>
              <a:gd name="connsiteX6" fmla="*/ 0 w 2411045"/>
              <a:gd name="connsiteY6" fmla="*/ 180322 h 2412637"/>
              <a:gd name="connsiteX7" fmla="*/ 0 w 2411045"/>
              <a:gd name="connsiteY7" fmla="*/ 0 h 2412637"/>
              <a:gd name="connsiteX8" fmla="*/ 180322 w 2411045"/>
              <a:gd name="connsiteY8" fmla="*/ 0 h 2412637"/>
              <a:gd name="connsiteX9" fmla="*/ 1009650 w 2411045"/>
              <a:gd name="connsiteY9" fmla="*/ 0 h 2412637"/>
              <a:gd name="connsiteX10" fmla="*/ 1401395 w 2411045"/>
              <a:gd name="connsiteY10" fmla="*/ 0 h 2412637"/>
              <a:gd name="connsiteX11" fmla="*/ 2230723 w 2411045"/>
              <a:gd name="connsiteY11" fmla="*/ 0 h 2412637"/>
              <a:gd name="connsiteX12" fmla="*/ 2411045 w 2411045"/>
              <a:gd name="connsiteY12" fmla="*/ 0 h 24126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411045" h="2412637">
                <a:moveTo>
                  <a:pt x="2411045" y="2412637"/>
                </a:moveTo>
                <a:lnTo>
                  <a:pt x="2230723" y="2412637"/>
                </a:lnTo>
                <a:lnTo>
                  <a:pt x="1401395" y="2412637"/>
                </a:lnTo>
                <a:lnTo>
                  <a:pt x="180322" y="2412637"/>
                </a:lnTo>
                <a:cubicBezTo>
                  <a:pt x="80733" y="2412637"/>
                  <a:pt x="0" y="2331904"/>
                  <a:pt x="0" y="2232315"/>
                </a:cubicBezTo>
                <a:lnTo>
                  <a:pt x="0" y="1162050"/>
                </a:lnTo>
                <a:lnTo>
                  <a:pt x="0" y="180322"/>
                </a:lnTo>
                <a:lnTo>
                  <a:pt x="0" y="0"/>
                </a:lnTo>
                <a:lnTo>
                  <a:pt x="180322" y="0"/>
                </a:lnTo>
                <a:lnTo>
                  <a:pt x="1009650" y="0"/>
                </a:lnTo>
                <a:lnTo>
                  <a:pt x="1401395" y="0"/>
                </a:lnTo>
                <a:lnTo>
                  <a:pt x="2230723" y="0"/>
                </a:lnTo>
                <a:lnTo>
                  <a:pt x="241104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864823" cy="1548000"/>
          </a:xfrm>
        </p:spPr>
        <p:txBody>
          <a:bodyPr anchor="t" anchorCtr="0"/>
          <a:lstStyle>
            <a:lvl1pPr algn="l">
              <a:defRPr sz="4800">
                <a:solidFill>
                  <a:schemeClr val="bg1"/>
                </a:solidFill>
              </a:defRPr>
            </a:lvl1pPr>
          </a:lstStyle>
          <a:p>
            <a:r>
              <a:rPr lang="da-DK" dirty="0"/>
              <a:t>Klik for at indsætte overskrift – max. to linjer</a:t>
            </a:r>
          </a:p>
        </p:txBody>
      </p:sp>
      <p:sp>
        <p:nvSpPr>
          <p:cNvPr id="4" name="TextBox 16">
            <a:extLst>
              <a:ext uri="{FF2B5EF4-FFF2-40B4-BE49-F238E27FC236}">
                <a16:creationId xmlns:a16="http://schemas.microsoft.com/office/drawing/2014/main" id="{F0DE24AE-4CF1-6AAE-9434-71C296F5A545}"/>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5" name="Kombinationstegning: figur 4">
            <a:extLst>
              <a:ext uri="{FF2B5EF4-FFF2-40B4-BE49-F238E27FC236}">
                <a16:creationId xmlns:a16="http://schemas.microsoft.com/office/drawing/2014/main" id="{77AD0AB1-B695-8A3F-4BBC-52A16EC0F7C1}"/>
              </a:ext>
            </a:extLst>
          </p:cNvPr>
          <p:cNvSpPr/>
          <p:nvPr userDrawn="1"/>
        </p:nvSpPr>
        <p:spPr>
          <a:xfrm flipV="1">
            <a:off x="9013826" y="209451"/>
            <a:ext cx="3178174" cy="2459734"/>
          </a:xfrm>
          <a:custGeom>
            <a:avLst/>
            <a:gdLst>
              <a:gd name="connsiteX0" fmla="*/ 0 w 3178174"/>
              <a:gd name="connsiteY0" fmla="*/ 0 h 2459734"/>
              <a:gd name="connsiteX1" fmla="*/ 179659 w 3178174"/>
              <a:gd name="connsiteY1" fmla="*/ 0 h 2459734"/>
              <a:gd name="connsiteX2" fmla="*/ 1009650 w 3178174"/>
              <a:gd name="connsiteY2" fmla="*/ 0 h 2459734"/>
              <a:gd name="connsiteX3" fmla="*/ 2168523 w 3178174"/>
              <a:gd name="connsiteY3" fmla="*/ 0 h 2459734"/>
              <a:gd name="connsiteX4" fmla="*/ 2998515 w 3178174"/>
              <a:gd name="connsiteY4" fmla="*/ 0 h 2459734"/>
              <a:gd name="connsiteX5" fmla="*/ 3178173 w 3178174"/>
              <a:gd name="connsiteY5" fmla="*/ 0 h 2459734"/>
              <a:gd name="connsiteX6" fmla="*/ 3178173 w 3178174"/>
              <a:gd name="connsiteY6" fmla="*/ 179654 h 2459734"/>
              <a:gd name="connsiteX7" fmla="*/ 3178174 w 3178174"/>
              <a:gd name="connsiteY7" fmla="*/ 179659 h 2459734"/>
              <a:gd name="connsiteX8" fmla="*/ 3178174 w 3178174"/>
              <a:gd name="connsiteY8" fmla="*/ 1297684 h 2459734"/>
              <a:gd name="connsiteX9" fmla="*/ 3178174 w 3178174"/>
              <a:gd name="connsiteY9" fmla="*/ 2280075 h 2459734"/>
              <a:gd name="connsiteX10" fmla="*/ 3178174 w 3178174"/>
              <a:gd name="connsiteY10" fmla="*/ 2459734 h 2459734"/>
              <a:gd name="connsiteX11" fmla="*/ 2998515 w 3178174"/>
              <a:gd name="connsiteY11" fmla="*/ 2459734 h 2459734"/>
              <a:gd name="connsiteX12" fmla="*/ 2168524 w 3178174"/>
              <a:gd name="connsiteY12" fmla="*/ 2459734 h 2459734"/>
              <a:gd name="connsiteX13" fmla="*/ 179659 w 3178174"/>
              <a:gd name="connsiteY13" fmla="*/ 2459734 h 2459734"/>
              <a:gd name="connsiteX14" fmla="*/ 0 w 3178174"/>
              <a:gd name="connsiteY14" fmla="*/ 2280075 h 2459734"/>
              <a:gd name="connsiteX15" fmla="*/ 0 w 3178174"/>
              <a:gd name="connsiteY15" fmla="*/ 1162050 h 2459734"/>
              <a:gd name="connsiteX16" fmla="*/ 0 w 3178174"/>
              <a:gd name="connsiteY16" fmla="*/ 179659 h 2459734"/>
              <a:gd name="connsiteX0" fmla="*/ 3178174 w 3269614"/>
              <a:gd name="connsiteY0" fmla="*/ 179659 h 2459734"/>
              <a:gd name="connsiteX1" fmla="*/ 3178174 w 3269614"/>
              <a:gd name="connsiteY1" fmla="*/ 1297684 h 2459734"/>
              <a:gd name="connsiteX2" fmla="*/ 3178174 w 3269614"/>
              <a:gd name="connsiteY2" fmla="*/ 2280075 h 2459734"/>
              <a:gd name="connsiteX3" fmla="*/ 3178174 w 3269614"/>
              <a:gd name="connsiteY3" fmla="*/ 2459734 h 2459734"/>
              <a:gd name="connsiteX4" fmla="*/ 2998515 w 3269614"/>
              <a:gd name="connsiteY4" fmla="*/ 2459734 h 2459734"/>
              <a:gd name="connsiteX5" fmla="*/ 2168524 w 3269614"/>
              <a:gd name="connsiteY5" fmla="*/ 2459734 h 2459734"/>
              <a:gd name="connsiteX6" fmla="*/ 179659 w 3269614"/>
              <a:gd name="connsiteY6" fmla="*/ 2459734 h 2459734"/>
              <a:gd name="connsiteX7" fmla="*/ 0 w 3269614"/>
              <a:gd name="connsiteY7" fmla="*/ 2280075 h 2459734"/>
              <a:gd name="connsiteX8" fmla="*/ 0 w 3269614"/>
              <a:gd name="connsiteY8" fmla="*/ 1162050 h 2459734"/>
              <a:gd name="connsiteX9" fmla="*/ 0 w 3269614"/>
              <a:gd name="connsiteY9" fmla="*/ 179659 h 2459734"/>
              <a:gd name="connsiteX10" fmla="*/ 0 w 3269614"/>
              <a:gd name="connsiteY10" fmla="*/ 0 h 2459734"/>
              <a:gd name="connsiteX11" fmla="*/ 179659 w 3269614"/>
              <a:gd name="connsiteY11" fmla="*/ 0 h 2459734"/>
              <a:gd name="connsiteX12" fmla="*/ 1009650 w 3269614"/>
              <a:gd name="connsiteY12" fmla="*/ 0 h 2459734"/>
              <a:gd name="connsiteX13" fmla="*/ 2168523 w 3269614"/>
              <a:gd name="connsiteY13" fmla="*/ 0 h 2459734"/>
              <a:gd name="connsiteX14" fmla="*/ 2998515 w 3269614"/>
              <a:gd name="connsiteY14" fmla="*/ 0 h 2459734"/>
              <a:gd name="connsiteX15" fmla="*/ 3178173 w 3269614"/>
              <a:gd name="connsiteY15" fmla="*/ 0 h 2459734"/>
              <a:gd name="connsiteX16" fmla="*/ 3178173 w 3269614"/>
              <a:gd name="connsiteY16" fmla="*/ 179654 h 2459734"/>
              <a:gd name="connsiteX17" fmla="*/ 3269614 w 3269614"/>
              <a:gd name="connsiteY17" fmla="*/ 271099 h 2459734"/>
              <a:gd name="connsiteX0" fmla="*/ 3178174 w 3269614"/>
              <a:gd name="connsiteY0" fmla="*/ 179659 h 2459734"/>
              <a:gd name="connsiteX1" fmla="*/ 3178174 w 3269614"/>
              <a:gd name="connsiteY1" fmla="*/ 1297684 h 2459734"/>
              <a:gd name="connsiteX2" fmla="*/ 3178174 w 3269614"/>
              <a:gd name="connsiteY2" fmla="*/ 2280075 h 2459734"/>
              <a:gd name="connsiteX3" fmla="*/ 3178174 w 3269614"/>
              <a:gd name="connsiteY3" fmla="*/ 2459734 h 2459734"/>
              <a:gd name="connsiteX4" fmla="*/ 2998515 w 3269614"/>
              <a:gd name="connsiteY4" fmla="*/ 2459734 h 2459734"/>
              <a:gd name="connsiteX5" fmla="*/ 2168524 w 3269614"/>
              <a:gd name="connsiteY5" fmla="*/ 2459734 h 2459734"/>
              <a:gd name="connsiteX6" fmla="*/ 179659 w 3269614"/>
              <a:gd name="connsiteY6" fmla="*/ 2459734 h 2459734"/>
              <a:gd name="connsiteX7" fmla="*/ 0 w 3269614"/>
              <a:gd name="connsiteY7" fmla="*/ 2280075 h 2459734"/>
              <a:gd name="connsiteX8" fmla="*/ 0 w 3269614"/>
              <a:gd name="connsiteY8" fmla="*/ 1162050 h 2459734"/>
              <a:gd name="connsiteX9" fmla="*/ 0 w 3269614"/>
              <a:gd name="connsiteY9" fmla="*/ 179659 h 2459734"/>
              <a:gd name="connsiteX10" fmla="*/ 0 w 3269614"/>
              <a:gd name="connsiteY10" fmla="*/ 0 h 2459734"/>
              <a:gd name="connsiteX11" fmla="*/ 179659 w 3269614"/>
              <a:gd name="connsiteY11" fmla="*/ 0 h 2459734"/>
              <a:gd name="connsiteX12" fmla="*/ 1009650 w 3269614"/>
              <a:gd name="connsiteY12" fmla="*/ 0 h 2459734"/>
              <a:gd name="connsiteX13" fmla="*/ 2168523 w 3269614"/>
              <a:gd name="connsiteY13" fmla="*/ 0 h 2459734"/>
              <a:gd name="connsiteX14" fmla="*/ 2998515 w 3269614"/>
              <a:gd name="connsiteY14" fmla="*/ 0 h 2459734"/>
              <a:gd name="connsiteX15" fmla="*/ 3178173 w 3269614"/>
              <a:gd name="connsiteY15" fmla="*/ 0 h 2459734"/>
              <a:gd name="connsiteX16" fmla="*/ 3269614 w 3269614"/>
              <a:gd name="connsiteY16" fmla="*/ 271099 h 2459734"/>
              <a:gd name="connsiteX0" fmla="*/ 3178174 w 3269614"/>
              <a:gd name="connsiteY0" fmla="*/ 1297684 h 2459734"/>
              <a:gd name="connsiteX1" fmla="*/ 3178174 w 3269614"/>
              <a:gd name="connsiteY1" fmla="*/ 2280075 h 2459734"/>
              <a:gd name="connsiteX2" fmla="*/ 3178174 w 3269614"/>
              <a:gd name="connsiteY2" fmla="*/ 2459734 h 2459734"/>
              <a:gd name="connsiteX3" fmla="*/ 2998515 w 3269614"/>
              <a:gd name="connsiteY3" fmla="*/ 2459734 h 2459734"/>
              <a:gd name="connsiteX4" fmla="*/ 2168524 w 3269614"/>
              <a:gd name="connsiteY4" fmla="*/ 2459734 h 2459734"/>
              <a:gd name="connsiteX5" fmla="*/ 179659 w 3269614"/>
              <a:gd name="connsiteY5" fmla="*/ 2459734 h 2459734"/>
              <a:gd name="connsiteX6" fmla="*/ 0 w 3269614"/>
              <a:gd name="connsiteY6" fmla="*/ 2280075 h 2459734"/>
              <a:gd name="connsiteX7" fmla="*/ 0 w 3269614"/>
              <a:gd name="connsiteY7" fmla="*/ 1162050 h 2459734"/>
              <a:gd name="connsiteX8" fmla="*/ 0 w 3269614"/>
              <a:gd name="connsiteY8" fmla="*/ 179659 h 2459734"/>
              <a:gd name="connsiteX9" fmla="*/ 0 w 3269614"/>
              <a:gd name="connsiteY9" fmla="*/ 0 h 2459734"/>
              <a:gd name="connsiteX10" fmla="*/ 179659 w 3269614"/>
              <a:gd name="connsiteY10" fmla="*/ 0 h 2459734"/>
              <a:gd name="connsiteX11" fmla="*/ 1009650 w 3269614"/>
              <a:gd name="connsiteY11" fmla="*/ 0 h 2459734"/>
              <a:gd name="connsiteX12" fmla="*/ 2168523 w 3269614"/>
              <a:gd name="connsiteY12" fmla="*/ 0 h 2459734"/>
              <a:gd name="connsiteX13" fmla="*/ 2998515 w 3269614"/>
              <a:gd name="connsiteY13" fmla="*/ 0 h 2459734"/>
              <a:gd name="connsiteX14" fmla="*/ 3178173 w 3269614"/>
              <a:gd name="connsiteY14" fmla="*/ 0 h 2459734"/>
              <a:gd name="connsiteX15" fmla="*/ 3269614 w 3269614"/>
              <a:gd name="connsiteY15" fmla="*/ 271099 h 2459734"/>
              <a:gd name="connsiteX0" fmla="*/ 3178174 w 3269614"/>
              <a:gd name="connsiteY0" fmla="*/ 2280075 h 2459734"/>
              <a:gd name="connsiteX1" fmla="*/ 3178174 w 3269614"/>
              <a:gd name="connsiteY1" fmla="*/ 2459734 h 2459734"/>
              <a:gd name="connsiteX2" fmla="*/ 2998515 w 3269614"/>
              <a:gd name="connsiteY2" fmla="*/ 2459734 h 2459734"/>
              <a:gd name="connsiteX3" fmla="*/ 2168524 w 3269614"/>
              <a:gd name="connsiteY3" fmla="*/ 2459734 h 2459734"/>
              <a:gd name="connsiteX4" fmla="*/ 179659 w 3269614"/>
              <a:gd name="connsiteY4" fmla="*/ 2459734 h 2459734"/>
              <a:gd name="connsiteX5" fmla="*/ 0 w 3269614"/>
              <a:gd name="connsiteY5" fmla="*/ 2280075 h 2459734"/>
              <a:gd name="connsiteX6" fmla="*/ 0 w 3269614"/>
              <a:gd name="connsiteY6" fmla="*/ 1162050 h 2459734"/>
              <a:gd name="connsiteX7" fmla="*/ 0 w 3269614"/>
              <a:gd name="connsiteY7" fmla="*/ 179659 h 2459734"/>
              <a:gd name="connsiteX8" fmla="*/ 0 w 3269614"/>
              <a:gd name="connsiteY8" fmla="*/ 0 h 2459734"/>
              <a:gd name="connsiteX9" fmla="*/ 179659 w 3269614"/>
              <a:gd name="connsiteY9" fmla="*/ 0 h 2459734"/>
              <a:gd name="connsiteX10" fmla="*/ 1009650 w 3269614"/>
              <a:gd name="connsiteY10" fmla="*/ 0 h 2459734"/>
              <a:gd name="connsiteX11" fmla="*/ 2168523 w 3269614"/>
              <a:gd name="connsiteY11" fmla="*/ 0 h 2459734"/>
              <a:gd name="connsiteX12" fmla="*/ 2998515 w 3269614"/>
              <a:gd name="connsiteY12" fmla="*/ 0 h 2459734"/>
              <a:gd name="connsiteX13" fmla="*/ 3178173 w 3269614"/>
              <a:gd name="connsiteY13" fmla="*/ 0 h 2459734"/>
              <a:gd name="connsiteX14" fmla="*/ 3269614 w 3269614"/>
              <a:gd name="connsiteY14" fmla="*/ 271099 h 2459734"/>
              <a:gd name="connsiteX0" fmla="*/ 3178174 w 3269614"/>
              <a:gd name="connsiteY0" fmla="*/ 2459734 h 2459734"/>
              <a:gd name="connsiteX1" fmla="*/ 2998515 w 3269614"/>
              <a:gd name="connsiteY1" fmla="*/ 2459734 h 2459734"/>
              <a:gd name="connsiteX2" fmla="*/ 2168524 w 3269614"/>
              <a:gd name="connsiteY2" fmla="*/ 2459734 h 2459734"/>
              <a:gd name="connsiteX3" fmla="*/ 179659 w 3269614"/>
              <a:gd name="connsiteY3" fmla="*/ 2459734 h 2459734"/>
              <a:gd name="connsiteX4" fmla="*/ 0 w 3269614"/>
              <a:gd name="connsiteY4" fmla="*/ 2280075 h 2459734"/>
              <a:gd name="connsiteX5" fmla="*/ 0 w 3269614"/>
              <a:gd name="connsiteY5" fmla="*/ 1162050 h 2459734"/>
              <a:gd name="connsiteX6" fmla="*/ 0 w 3269614"/>
              <a:gd name="connsiteY6" fmla="*/ 179659 h 2459734"/>
              <a:gd name="connsiteX7" fmla="*/ 0 w 3269614"/>
              <a:gd name="connsiteY7" fmla="*/ 0 h 2459734"/>
              <a:gd name="connsiteX8" fmla="*/ 179659 w 3269614"/>
              <a:gd name="connsiteY8" fmla="*/ 0 h 2459734"/>
              <a:gd name="connsiteX9" fmla="*/ 1009650 w 3269614"/>
              <a:gd name="connsiteY9" fmla="*/ 0 h 2459734"/>
              <a:gd name="connsiteX10" fmla="*/ 2168523 w 3269614"/>
              <a:gd name="connsiteY10" fmla="*/ 0 h 2459734"/>
              <a:gd name="connsiteX11" fmla="*/ 2998515 w 3269614"/>
              <a:gd name="connsiteY11" fmla="*/ 0 h 2459734"/>
              <a:gd name="connsiteX12" fmla="*/ 3178173 w 3269614"/>
              <a:gd name="connsiteY12" fmla="*/ 0 h 2459734"/>
              <a:gd name="connsiteX13" fmla="*/ 3269614 w 3269614"/>
              <a:gd name="connsiteY13" fmla="*/ 271099 h 2459734"/>
              <a:gd name="connsiteX0" fmla="*/ 3178174 w 3178174"/>
              <a:gd name="connsiteY0" fmla="*/ 2459734 h 2459734"/>
              <a:gd name="connsiteX1" fmla="*/ 2998515 w 3178174"/>
              <a:gd name="connsiteY1" fmla="*/ 2459734 h 2459734"/>
              <a:gd name="connsiteX2" fmla="*/ 2168524 w 3178174"/>
              <a:gd name="connsiteY2" fmla="*/ 2459734 h 2459734"/>
              <a:gd name="connsiteX3" fmla="*/ 179659 w 3178174"/>
              <a:gd name="connsiteY3" fmla="*/ 2459734 h 2459734"/>
              <a:gd name="connsiteX4" fmla="*/ 0 w 3178174"/>
              <a:gd name="connsiteY4" fmla="*/ 2280075 h 2459734"/>
              <a:gd name="connsiteX5" fmla="*/ 0 w 3178174"/>
              <a:gd name="connsiteY5" fmla="*/ 1162050 h 2459734"/>
              <a:gd name="connsiteX6" fmla="*/ 0 w 3178174"/>
              <a:gd name="connsiteY6" fmla="*/ 179659 h 2459734"/>
              <a:gd name="connsiteX7" fmla="*/ 0 w 3178174"/>
              <a:gd name="connsiteY7" fmla="*/ 0 h 2459734"/>
              <a:gd name="connsiteX8" fmla="*/ 179659 w 3178174"/>
              <a:gd name="connsiteY8" fmla="*/ 0 h 2459734"/>
              <a:gd name="connsiteX9" fmla="*/ 1009650 w 3178174"/>
              <a:gd name="connsiteY9" fmla="*/ 0 h 2459734"/>
              <a:gd name="connsiteX10" fmla="*/ 2168523 w 3178174"/>
              <a:gd name="connsiteY10" fmla="*/ 0 h 2459734"/>
              <a:gd name="connsiteX11" fmla="*/ 2998515 w 3178174"/>
              <a:gd name="connsiteY11" fmla="*/ 0 h 2459734"/>
              <a:gd name="connsiteX12" fmla="*/ 3178173 w 3178174"/>
              <a:gd name="connsiteY12" fmla="*/ 0 h 24597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178174" h="2459734">
                <a:moveTo>
                  <a:pt x="3178174" y="2459734"/>
                </a:moveTo>
                <a:lnTo>
                  <a:pt x="2998515" y="2459734"/>
                </a:lnTo>
                <a:lnTo>
                  <a:pt x="2168524" y="2459734"/>
                </a:lnTo>
                <a:lnTo>
                  <a:pt x="179659" y="2459734"/>
                </a:lnTo>
                <a:cubicBezTo>
                  <a:pt x="80436" y="2459734"/>
                  <a:pt x="0" y="2379298"/>
                  <a:pt x="0" y="2280075"/>
                </a:cubicBezTo>
                <a:lnTo>
                  <a:pt x="0" y="1162050"/>
                </a:lnTo>
                <a:lnTo>
                  <a:pt x="0" y="179659"/>
                </a:lnTo>
                <a:lnTo>
                  <a:pt x="0" y="0"/>
                </a:lnTo>
                <a:lnTo>
                  <a:pt x="179659" y="0"/>
                </a:lnTo>
                <a:lnTo>
                  <a:pt x="1009650" y="0"/>
                </a:lnTo>
                <a:lnTo>
                  <a:pt x="2168523" y="0"/>
                </a:lnTo>
                <a:lnTo>
                  <a:pt x="2998515" y="0"/>
                </a:lnTo>
                <a:lnTo>
                  <a:pt x="3178173"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pic>
        <p:nvPicPr>
          <p:cNvPr id="1119869305" name="Dynamic cover logo hvid" descr="{&quot;templafy&quot;:{&quot;id&quot;:&quot;b6be4104-0417-4f2b-a659-7f56564a0732&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407740824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Forside animation A">
    <p:bg>
      <p:bgPr>
        <a:solidFill>
          <a:schemeClr val="accent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064EB2C-1CD1-4D10-855F-3A578564A60D}" type="datetime2">
              <a:rPr lang="da-DK" smtClean="0"/>
              <a:t>11. september 2024</a:t>
            </a:fld>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grpSp>
        <p:nvGrpSpPr>
          <p:cNvPr id="14" name="Group 58">
            <a:extLst>
              <a:ext uri="{FF2B5EF4-FFF2-40B4-BE49-F238E27FC236}">
                <a16:creationId xmlns:a16="http://schemas.microsoft.com/office/drawing/2014/main" id="{6DDFF541-6CCC-D3E8-D9B9-FBEB2F3A2FF1}"/>
              </a:ext>
            </a:extLst>
          </p:cNvPr>
          <p:cNvGrpSpPr/>
          <p:nvPr userDrawn="1"/>
        </p:nvGrpSpPr>
        <p:grpSpPr>
          <a:xfrm>
            <a:off x="1857489" y="3761682"/>
            <a:ext cx="1817000" cy="1111735"/>
            <a:chOff x="7918183" y="1759240"/>
            <a:chExt cx="1670583" cy="1532511"/>
          </a:xfrm>
          <a:solidFill>
            <a:srgbClr val="0F2A48"/>
          </a:solidFill>
        </p:grpSpPr>
        <p:sp>
          <p:nvSpPr>
            <p:cNvPr id="15" name="Rectangle: Rounded Corners 59">
              <a:extLst>
                <a:ext uri="{FF2B5EF4-FFF2-40B4-BE49-F238E27FC236}">
                  <a16:creationId xmlns:a16="http://schemas.microsoft.com/office/drawing/2014/main" id="{91945049-B940-A2AB-288A-ACF563FC674F}"/>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16" name="Rectangle 60">
              <a:extLst>
                <a:ext uri="{FF2B5EF4-FFF2-40B4-BE49-F238E27FC236}">
                  <a16:creationId xmlns:a16="http://schemas.microsoft.com/office/drawing/2014/main" id="{430B9163-EF65-92AE-BBFB-A0FCF45ED020}"/>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8" name="Group 58">
            <a:extLst>
              <a:ext uri="{FF2B5EF4-FFF2-40B4-BE49-F238E27FC236}">
                <a16:creationId xmlns:a16="http://schemas.microsoft.com/office/drawing/2014/main" id="{9D88B4A7-2CE1-0D09-C5F0-C50C209DE9B7}"/>
              </a:ext>
            </a:extLst>
          </p:cNvPr>
          <p:cNvGrpSpPr/>
          <p:nvPr userDrawn="1"/>
        </p:nvGrpSpPr>
        <p:grpSpPr>
          <a:xfrm>
            <a:off x="1857489" y="3761682"/>
            <a:ext cx="1817000" cy="1111735"/>
            <a:chOff x="7918183" y="1759240"/>
            <a:chExt cx="1670583" cy="1532511"/>
          </a:xfrm>
          <a:solidFill>
            <a:srgbClr val="0F2A48"/>
          </a:solidFill>
        </p:grpSpPr>
        <p:sp>
          <p:nvSpPr>
            <p:cNvPr id="49" name="Rectangle: Rounded Corners 59">
              <a:extLst>
                <a:ext uri="{FF2B5EF4-FFF2-40B4-BE49-F238E27FC236}">
                  <a16:creationId xmlns:a16="http://schemas.microsoft.com/office/drawing/2014/main" id="{CFA5313A-DA53-2018-21C9-69529D142D69}"/>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50" name="Rectangle 60">
              <a:extLst>
                <a:ext uri="{FF2B5EF4-FFF2-40B4-BE49-F238E27FC236}">
                  <a16:creationId xmlns:a16="http://schemas.microsoft.com/office/drawing/2014/main" id="{B29D20AD-8FC5-E28E-87AB-D192F4F1FF0E}"/>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1" name="Kombinationstegning: figur 10">
            <a:extLst>
              <a:ext uri="{FF2B5EF4-FFF2-40B4-BE49-F238E27FC236}">
                <a16:creationId xmlns:a16="http://schemas.microsoft.com/office/drawing/2014/main" id="{4456FFCD-2A17-FC34-A682-69B4F4F88E41}"/>
              </a:ext>
            </a:extLst>
          </p:cNvPr>
          <p:cNvSpPr/>
          <p:nvPr/>
        </p:nvSpPr>
        <p:spPr>
          <a:xfrm rot="10800000">
            <a:off x="9544636" y="2653551"/>
            <a:ext cx="1818000" cy="1290917"/>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grpSp>
        <p:nvGrpSpPr>
          <p:cNvPr id="17" name="Gruppe 11">
            <a:extLst>
              <a:ext uri="{FF2B5EF4-FFF2-40B4-BE49-F238E27FC236}">
                <a16:creationId xmlns:a16="http://schemas.microsoft.com/office/drawing/2014/main" id="{97979A19-7240-CF88-1A46-EF209A270409}"/>
              </a:ext>
            </a:extLst>
          </p:cNvPr>
          <p:cNvGrpSpPr/>
          <p:nvPr userDrawn="1"/>
        </p:nvGrpSpPr>
        <p:grpSpPr>
          <a:xfrm>
            <a:off x="9544636" y="2236384"/>
            <a:ext cx="1818002" cy="1401760"/>
            <a:chOff x="9525589" y="2653550"/>
            <a:chExt cx="1818002" cy="1401760"/>
          </a:xfrm>
        </p:grpSpPr>
        <p:sp>
          <p:nvSpPr>
            <p:cNvPr id="18" name="Kombinationstegning: figur 10">
              <a:extLst>
                <a:ext uri="{FF2B5EF4-FFF2-40B4-BE49-F238E27FC236}">
                  <a16:creationId xmlns:a16="http://schemas.microsoft.com/office/drawing/2014/main" id="{D6DC5504-CEA2-FE86-0334-2623969B6511}"/>
                </a:ext>
              </a:extLst>
            </p:cNvPr>
            <p:cNvSpPr/>
            <p:nvPr/>
          </p:nvSpPr>
          <p:spPr>
            <a:xfrm rot="10800000">
              <a:off x="9525589" y="2653550"/>
              <a:ext cx="1818000" cy="1401760"/>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19" name="Kombinationstegning: figur 5">
              <a:extLst>
                <a:ext uri="{FF2B5EF4-FFF2-40B4-BE49-F238E27FC236}">
                  <a16:creationId xmlns:a16="http://schemas.microsoft.com/office/drawing/2014/main" id="{8EC91071-25FC-DF8A-36A0-6F47DDA79584}"/>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sp>
        <p:nvSpPr>
          <p:cNvPr id="32" name="Kombinationstegning: figur 31">
            <a:extLst>
              <a:ext uri="{FF2B5EF4-FFF2-40B4-BE49-F238E27FC236}">
                <a16:creationId xmlns:a16="http://schemas.microsoft.com/office/drawing/2014/main" id="{58E431ED-E98C-0B05-A685-B8623369B24F}"/>
              </a:ext>
            </a:extLst>
          </p:cNvPr>
          <p:cNvSpPr/>
          <p:nvPr userDrawn="1"/>
        </p:nvSpPr>
        <p:spPr>
          <a:xfrm>
            <a:off x="6822141" y="4204446"/>
            <a:ext cx="5369859" cy="2656745"/>
          </a:xfrm>
          <a:custGeom>
            <a:avLst/>
            <a:gdLst>
              <a:gd name="connsiteX0" fmla="*/ 186052 w 5369859"/>
              <a:gd name="connsiteY0" fmla="*/ 0 h 2656745"/>
              <a:gd name="connsiteX1" fmla="*/ 662859 w 5369859"/>
              <a:gd name="connsiteY1" fmla="*/ 0 h 2656745"/>
              <a:gd name="connsiteX2" fmla="*/ 5183807 w 5369859"/>
              <a:gd name="connsiteY2" fmla="*/ 0 h 2656745"/>
              <a:gd name="connsiteX3" fmla="*/ 5369859 w 5369859"/>
              <a:gd name="connsiteY3" fmla="*/ 0 h 2656745"/>
              <a:gd name="connsiteX4" fmla="*/ 5369859 w 5369859"/>
              <a:gd name="connsiteY4" fmla="*/ 186052 h 2656745"/>
              <a:gd name="connsiteX5" fmla="*/ 5369859 w 5369859"/>
              <a:gd name="connsiteY5" fmla="*/ 429570 h 2656745"/>
              <a:gd name="connsiteX6" fmla="*/ 5369859 w 5369859"/>
              <a:gd name="connsiteY6" fmla="*/ 2470693 h 2656745"/>
              <a:gd name="connsiteX7" fmla="*/ 5369859 w 5369859"/>
              <a:gd name="connsiteY7" fmla="*/ 2656745 h 2656745"/>
              <a:gd name="connsiteX8" fmla="*/ 5183807 w 5369859"/>
              <a:gd name="connsiteY8" fmla="*/ 2656745 h 2656745"/>
              <a:gd name="connsiteX9" fmla="*/ 186052 w 5369859"/>
              <a:gd name="connsiteY9" fmla="*/ 2656745 h 2656745"/>
              <a:gd name="connsiteX10" fmla="*/ 0 w 5369859"/>
              <a:gd name="connsiteY10" fmla="*/ 2656745 h 2656745"/>
              <a:gd name="connsiteX11" fmla="*/ 0 w 5369859"/>
              <a:gd name="connsiteY11" fmla="*/ 2470693 h 2656745"/>
              <a:gd name="connsiteX12" fmla="*/ 0 w 5369859"/>
              <a:gd name="connsiteY12" fmla="*/ 429570 h 2656745"/>
              <a:gd name="connsiteX13" fmla="*/ 0 w 5369859"/>
              <a:gd name="connsiteY13" fmla="*/ 186052 h 2656745"/>
              <a:gd name="connsiteX14" fmla="*/ 186052 w 5369859"/>
              <a:gd name="connsiteY14" fmla="*/ 0 h 2656745"/>
              <a:gd name="connsiteX0" fmla="*/ 5369859 w 5461299"/>
              <a:gd name="connsiteY0" fmla="*/ 186052 h 2656745"/>
              <a:gd name="connsiteX1" fmla="*/ 5369859 w 5461299"/>
              <a:gd name="connsiteY1" fmla="*/ 429570 h 2656745"/>
              <a:gd name="connsiteX2" fmla="*/ 5369859 w 5461299"/>
              <a:gd name="connsiteY2" fmla="*/ 2470693 h 2656745"/>
              <a:gd name="connsiteX3" fmla="*/ 5369859 w 5461299"/>
              <a:gd name="connsiteY3" fmla="*/ 2656745 h 2656745"/>
              <a:gd name="connsiteX4" fmla="*/ 5183807 w 5461299"/>
              <a:gd name="connsiteY4" fmla="*/ 2656745 h 2656745"/>
              <a:gd name="connsiteX5" fmla="*/ 186052 w 5461299"/>
              <a:gd name="connsiteY5" fmla="*/ 2656745 h 2656745"/>
              <a:gd name="connsiteX6" fmla="*/ 0 w 5461299"/>
              <a:gd name="connsiteY6" fmla="*/ 2656745 h 2656745"/>
              <a:gd name="connsiteX7" fmla="*/ 0 w 5461299"/>
              <a:gd name="connsiteY7" fmla="*/ 2470693 h 2656745"/>
              <a:gd name="connsiteX8" fmla="*/ 0 w 5461299"/>
              <a:gd name="connsiteY8" fmla="*/ 429570 h 2656745"/>
              <a:gd name="connsiteX9" fmla="*/ 0 w 5461299"/>
              <a:gd name="connsiteY9" fmla="*/ 186052 h 2656745"/>
              <a:gd name="connsiteX10" fmla="*/ 186052 w 5461299"/>
              <a:gd name="connsiteY10" fmla="*/ 0 h 2656745"/>
              <a:gd name="connsiteX11" fmla="*/ 662859 w 5461299"/>
              <a:gd name="connsiteY11" fmla="*/ 0 h 2656745"/>
              <a:gd name="connsiteX12" fmla="*/ 5183807 w 5461299"/>
              <a:gd name="connsiteY12" fmla="*/ 0 h 2656745"/>
              <a:gd name="connsiteX13" fmla="*/ 5369859 w 5461299"/>
              <a:gd name="connsiteY13" fmla="*/ 0 h 2656745"/>
              <a:gd name="connsiteX14" fmla="*/ 5461299 w 5461299"/>
              <a:gd name="connsiteY14" fmla="*/ 277492 h 2656745"/>
              <a:gd name="connsiteX0" fmla="*/ 5369859 w 5461299"/>
              <a:gd name="connsiteY0" fmla="*/ 429570 h 2656745"/>
              <a:gd name="connsiteX1" fmla="*/ 5369859 w 5461299"/>
              <a:gd name="connsiteY1" fmla="*/ 2470693 h 2656745"/>
              <a:gd name="connsiteX2" fmla="*/ 5369859 w 5461299"/>
              <a:gd name="connsiteY2" fmla="*/ 2656745 h 2656745"/>
              <a:gd name="connsiteX3" fmla="*/ 5183807 w 5461299"/>
              <a:gd name="connsiteY3" fmla="*/ 2656745 h 2656745"/>
              <a:gd name="connsiteX4" fmla="*/ 186052 w 5461299"/>
              <a:gd name="connsiteY4" fmla="*/ 2656745 h 2656745"/>
              <a:gd name="connsiteX5" fmla="*/ 0 w 5461299"/>
              <a:gd name="connsiteY5" fmla="*/ 2656745 h 2656745"/>
              <a:gd name="connsiteX6" fmla="*/ 0 w 5461299"/>
              <a:gd name="connsiteY6" fmla="*/ 2470693 h 2656745"/>
              <a:gd name="connsiteX7" fmla="*/ 0 w 5461299"/>
              <a:gd name="connsiteY7" fmla="*/ 429570 h 2656745"/>
              <a:gd name="connsiteX8" fmla="*/ 0 w 5461299"/>
              <a:gd name="connsiteY8" fmla="*/ 186052 h 2656745"/>
              <a:gd name="connsiteX9" fmla="*/ 186052 w 5461299"/>
              <a:gd name="connsiteY9" fmla="*/ 0 h 2656745"/>
              <a:gd name="connsiteX10" fmla="*/ 662859 w 5461299"/>
              <a:gd name="connsiteY10" fmla="*/ 0 h 2656745"/>
              <a:gd name="connsiteX11" fmla="*/ 5183807 w 5461299"/>
              <a:gd name="connsiteY11" fmla="*/ 0 h 2656745"/>
              <a:gd name="connsiteX12" fmla="*/ 5369859 w 5461299"/>
              <a:gd name="connsiteY12" fmla="*/ 0 h 2656745"/>
              <a:gd name="connsiteX13" fmla="*/ 5461299 w 5461299"/>
              <a:gd name="connsiteY13" fmla="*/ 277492 h 2656745"/>
              <a:gd name="connsiteX0" fmla="*/ 5369859 w 5369859"/>
              <a:gd name="connsiteY0" fmla="*/ 429570 h 2656745"/>
              <a:gd name="connsiteX1" fmla="*/ 5369859 w 5369859"/>
              <a:gd name="connsiteY1" fmla="*/ 2470693 h 2656745"/>
              <a:gd name="connsiteX2" fmla="*/ 5369859 w 5369859"/>
              <a:gd name="connsiteY2" fmla="*/ 2656745 h 2656745"/>
              <a:gd name="connsiteX3" fmla="*/ 5183807 w 5369859"/>
              <a:gd name="connsiteY3" fmla="*/ 2656745 h 2656745"/>
              <a:gd name="connsiteX4" fmla="*/ 186052 w 5369859"/>
              <a:gd name="connsiteY4" fmla="*/ 2656745 h 2656745"/>
              <a:gd name="connsiteX5" fmla="*/ 0 w 5369859"/>
              <a:gd name="connsiteY5" fmla="*/ 2656745 h 2656745"/>
              <a:gd name="connsiteX6" fmla="*/ 0 w 5369859"/>
              <a:gd name="connsiteY6" fmla="*/ 2470693 h 2656745"/>
              <a:gd name="connsiteX7" fmla="*/ 0 w 5369859"/>
              <a:gd name="connsiteY7" fmla="*/ 429570 h 2656745"/>
              <a:gd name="connsiteX8" fmla="*/ 0 w 5369859"/>
              <a:gd name="connsiteY8" fmla="*/ 186052 h 2656745"/>
              <a:gd name="connsiteX9" fmla="*/ 186052 w 5369859"/>
              <a:gd name="connsiteY9" fmla="*/ 0 h 2656745"/>
              <a:gd name="connsiteX10" fmla="*/ 662859 w 5369859"/>
              <a:gd name="connsiteY10" fmla="*/ 0 h 2656745"/>
              <a:gd name="connsiteX11" fmla="*/ 5183807 w 5369859"/>
              <a:gd name="connsiteY11" fmla="*/ 0 h 2656745"/>
              <a:gd name="connsiteX12" fmla="*/ 5369859 w 5369859"/>
              <a:gd name="connsiteY12" fmla="*/ 0 h 2656745"/>
              <a:gd name="connsiteX0" fmla="*/ 5369859 w 5369859"/>
              <a:gd name="connsiteY0" fmla="*/ 2470693 h 2656745"/>
              <a:gd name="connsiteX1" fmla="*/ 5369859 w 5369859"/>
              <a:gd name="connsiteY1" fmla="*/ 2656745 h 2656745"/>
              <a:gd name="connsiteX2" fmla="*/ 5183807 w 5369859"/>
              <a:gd name="connsiteY2" fmla="*/ 2656745 h 2656745"/>
              <a:gd name="connsiteX3" fmla="*/ 186052 w 5369859"/>
              <a:gd name="connsiteY3" fmla="*/ 2656745 h 2656745"/>
              <a:gd name="connsiteX4" fmla="*/ 0 w 5369859"/>
              <a:gd name="connsiteY4" fmla="*/ 2656745 h 2656745"/>
              <a:gd name="connsiteX5" fmla="*/ 0 w 5369859"/>
              <a:gd name="connsiteY5" fmla="*/ 2470693 h 2656745"/>
              <a:gd name="connsiteX6" fmla="*/ 0 w 5369859"/>
              <a:gd name="connsiteY6" fmla="*/ 429570 h 2656745"/>
              <a:gd name="connsiteX7" fmla="*/ 0 w 5369859"/>
              <a:gd name="connsiteY7" fmla="*/ 186052 h 2656745"/>
              <a:gd name="connsiteX8" fmla="*/ 186052 w 5369859"/>
              <a:gd name="connsiteY8" fmla="*/ 0 h 2656745"/>
              <a:gd name="connsiteX9" fmla="*/ 662859 w 5369859"/>
              <a:gd name="connsiteY9" fmla="*/ 0 h 2656745"/>
              <a:gd name="connsiteX10" fmla="*/ 5183807 w 5369859"/>
              <a:gd name="connsiteY10" fmla="*/ 0 h 2656745"/>
              <a:gd name="connsiteX11" fmla="*/ 5369859 w 5369859"/>
              <a:gd name="connsiteY11" fmla="*/ 0 h 2656745"/>
              <a:gd name="connsiteX0" fmla="*/ 5369859 w 5369859"/>
              <a:gd name="connsiteY0" fmla="*/ 2656745 h 2656745"/>
              <a:gd name="connsiteX1" fmla="*/ 5183807 w 5369859"/>
              <a:gd name="connsiteY1" fmla="*/ 2656745 h 2656745"/>
              <a:gd name="connsiteX2" fmla="*/ 186052 w 5369859"/>
              <a:gd name="connsiteY2" fmla="*/ 2656745 h 2656745"/>
              <a:gd name="connsiteX3" fmla="*/ 0 w 5369859"/>
              <a:gd name="connsiteY3" fmla="*/ 2656745 h 2656745"/>
              <a:gd name="connsiteX4" fmla="*/ 0 w 5369859"/>
              <a:gd name="connsiteY4" fmla="*/ 2470693 h 2656745"/>
              <a:gd name="connsiteX5" fmla="*/ 0 w 5369859"/>
              <a:gd name="connsiteY5" fmla="*/ 429570 h 2656745"/>
              <a:gd name="connsiteX6" fmla="*/ 0 w 5369859"/>
              <a:gd name="connsiteY6" fmla="*/ 186052 h 2656745"/>
              <a:gd name="connsiteX7" fmla="*/ 186052 w 5369859"/>
              <a:gd name="connsiteY7" fmla="*/ 0 h 2656745"/>
              <a:gd name="connsiteX8" fmla="*/ 662859 w 5369859"/>
              <a:gd name="connsiteY8" fmla="*/ 0 h 2656745"/>
              <a:gd name="connsiteX9" fmla="*/ 5183807 w 5369859"/>
              <a:gd name="connsiteY9" fmla="*/ 0 h 2656745"/>
              <a:gd name="connsiteX10" fmla="*/ 5369859 w 5369859"/>
              <a:gd name="connsiteY10" fmla="*/ 0 h 2656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69859" h="2656745">
                <a:moveTo>
                  <a:pt x="5369859" y="2656745"/>
                </a:moveTo>
                <a:lnTo>
                  <a:pt x="5183807" y="2656745"/>
                </a:lnTo>
                <a:lnTo>
                  <a:pt x="186052" y="2656745"/>
                </a:lnTo>
                <a:lnTo>
                  <a:pt x="0" y="2656745"/>
                </a:lnTo>
                <a:lnTo>
                  <a:pt x="0" y="2470693"/>
                </a:lnTo>
                <a:lnTo>
                  <a:pt x="0" y="429570"/>
                </a:lnTo>
                <a:lnTo>
                  <a:pt x="0" y="186052"/>
                </a:lnTo>
                <a:cubicBezTo>
                  <a:pt x="0" y="83298"/>
                  <a:pt x="83298" y="0"/>
                  <a:pt x="186052" y="0"/>
                </a:cubicBezTo>
                <a:lnTo>
                  <a:pt x="662859" y="0"/>
                </a:lnTo>
                <a:lnTo>
                  <a:pt x="5183807" y="0"/>
                </a:lnTo>
                <a:lnTo>
                  <a:pt x="5369859"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 name="Kombinationstegning: figur 3">
            <a:extLst>
              <a:ext uri="{FF2B5EF4-FFF2-40B4-BE49-F238E27FC236}">
                <a16:creationId xmlns:a16="http://schemas.microsoft.com/office/drawing/2014/main" id="{0265A287-DBA7-26CB-3597-BFBF8CAFAE77}"/>
              </a:ext>
            </a:extLst>
          </p:cNvPr>
          <p:cNvSpPr/>
          <p:nvPr userDrawn="1"/>
        </p:nvSpPr>
        <p:spPr>
          <a:xfrm rot="16200000">
            <a:off x="10259918" y="2012389"/>
            <a:ext cx="3290420" cy="573738"/>
          </a:xfrm>
          <a:custGeom>
            <a:avLst/>
            <a:gdLst>
              <a:gd name="connsiteX0" fmla="*/ 3290420 w 3290420"/>
              <a:gd name="connsiteY0" fmla="*/ 0 h 784409"/>
              <a:gd name="connsiteX1" fmla="*/ 3290420 w 3290420"/>
              <a:gd name="connsiteY1" fmla="*/ 137238 h 784409"/>
              <a:gd name="connsiteX2" fmla="*/ 3290420 w 3290420"/>
              <a:gd name="connsiteY2" fmla="*/ 436501 h 784409"/>
              <a:gd name="connsiteX3" fmla="*/ 3290420 w 3290420"/>
              <a:gd name="connsiteY3" fmla="*/ 436503 h 784409"/>
              <a:gd name="connsiteX4" fmla="*/ 3290420 w 3290420"/>
              <a:gd name="connsiteY4" fmla="*/ 573738 h 784409"/>
              <a:gd name="connsiteX5" fmla="*/ 3290420 w 3290420"/>
              <a:gd name="connsiteY5" fmla="*/ 784409 h 784409"/>
              <a:gd name="connsiteX6" fmla="*/ 2861541 w 3290420"/>
              <a:gd name="connsiteY6" fmla="*/ 784409 h 784409"/>
              <a:gd name="connsiteX7" fmla="*/ 2861541 w 3290420"/>
              <a:gd name="connsiteY7" fmla="*/ 573738 h 784409"/>
              <a:gd name="connsiteX8" fmla="*/ 0 w 3290420"/>
              <a:gd name="connsiteY8" fmla="*/ 573738 h 784409"/>
              <a:gd name="connsiteX9" fmla="*/ 0 w 3290420"/>
              <a:gd name="connsiteY9" fmla="*/ 296968 h 784409"/>
              <a:gd name="connsiteX10" fmla="*/ 1 w 3290420"/>
              <a:gd name="connsiteY10" fmla="*/ 296968 h 784409"/>
              <a:gd name="connsiteX11" fmla="*/ 1 w 3290420"/>
              <a:gd name="connsiteY11" fmla="*/ 137238 h 784409"/>
              <a:gd name="connsiteX12" fmla="*/ 137239 w 3290420"/>
              <a:gd name="connsiteY12" fmla="*/ 0 h 784409"/>
              <a:gd name="connsiteX13" fmla="*/ 2861541 w 3290420"/>
              <a:gd name="connsiteY13" fmla="*/ 0 h 784409"/>
              <a:gd name="connsiteX14" fmla="*/ 3153182 w 3290420"/>
              <a:gd name="connsiteY14" fmla="*/ 0 h 784409"/>
              <a:gd name="connsiteX0" fmla="*/ 2861541 w 3290420"/>
              <a:gd name="connsiteY0" fmla="*/ 784409 h 875849"/>
              <a:gd name="connsiteX1" fmla="*/ 2861541 w 3290420"/>
              <a:gd name="connsiteY1" fmla="*/ 573738 h 875849"/>
              <a:gd name="connsiteX2" fmla="*/ 0 w 3290420"/>
              <a:gd name="connsiteY2" fmla="*/ 573738 h 875849"/>
              <a:gd name="connsiteX3" fmla="*/ 0 w 3290420"/>
              <a:gd name="connsiteY3" fmla="*/ 296968 h 875849"/>
              <a:gd name="connsiteX4" fmla="*/ 1 w 3290420"/>
              <a:gd name="connsiteY4" fmla="*/ 296968 h 875849"/>
              <a:gd name="connsiteX5" fmla="*/ 1 w 3290420"/>
              <a:gd name="connsiteY5" fmla="*/ 137238 h 875849"/>
              <a:gd name="connsiteX6" fmla="*/ 137239 w 3290420"/>
              <a:gd name="connsiteY6" fmla="*/ 0 h 875849"/>
              <a:gd name="connsiteX7" fmla="*/ 2861541 w 3290420"/>
              <a:gd name="connsiteY7" fmla="*/ 0 h 875849"/>
              <a:gd name="connsiteX8" fmla="*/ 3153182 w 3290420"/>
              <a:gd name="connsiteY8" fmla="*/ 0 h 875849"/>
              <a:gd name="connsiteX9" fmla="*/ 3290420 w 3290420"/>
              <a:gd name="connsiteY9" fmla="*/ 0 h 875849"/>
              <a:gd name="connsiteX10" fmla="*/ 3290420 w 3290420"/>
              <a:gd name="connsiteY10" fmla="*/ 137238 h 875849"/>
              <a:gd name="connsiteX11" fmla="*/ 3290420 w 3290420"/>
              <a:gd name="connsiteY11" fmla="*/ 436501 h 875849"/>
              <a:gd name="connsiteX12" fmla="*/ 3290420 w 3290420"/>
              <a:gd name="connsiteY12" fmla="*/ 436503 h 875849"/>
              <a:gd name="connsiteX13" fmla="*/ 3290420 w 3290420"/>
              <a:gd name="connsiteY13" fmla="*/ 573738 h 875849"/>
              <a:gd name="connsiteX14" fmla="*/ 3290420 w 3290420"/>
              <a:gd name="connsiteY14" fmla="*/ 784409 h 875849"/>
              <a:gd name="connsiteX15" fmla="*/ 2952981 w 3290420"/>
              <a:gd name="connsiteY15" fmla="*/ 875849 h 875849"/>
              <a:gd name="connsiteX0" fmla="*/ 2861541 w 3290420"/>
              <a:gd name="connsiteY0" fmla="*/ 784409 h 784409"/>
              <a:gd name="connsiteX1" fmla="*/ 2861541 w 3290420"/>
              <a:gd name="connsiteY1" fmla="*/ 573738 h 784409"/>
              <a:gd name="connsiteX2" fmla="*/ 0 w 3290420"/>
              <a:gd name="connsiteY2" fmla="*/ 573738 h 784409"/>
              <a:gd name="connsiteX3" fmla="*/ 0 w 3290420"/>
              <a:gd name="connsiteY3" fmla="*/ 296968 h 784409"/>
              <a:gd name="connsiteX4" fmla="*/ 1 w 3290420"/>
              <a:gd name="connsiteY4" fmla="*/ 296968 h 784409"/>
              <a:gd name="connsiteX5" fmla="*/ 1 w 3290420"/>
              <a:gd name="connsiteY5" fmla="*/ 137238 h 784409"/>
              <a:gd name="connsiteX6" fmla="*/ 137239 w 3290420"/>
              <a:gd name="connsiteY6" fmla="*/ 0 h 784409"/>
              <a:gd name="connsiteX7" fmla="*/ 2861541 w 3290420"/>
              <a:gd name="connsiteY7" fmla="*/ 0 h 784409"/>
              <a:gd name="connsiteX8" fmla="*/ 3153182 w 3290420"/>
              <a:gd name="connsiteY8" fmla="*/ 0 h 784409"/>
              <a:gd name="connsiteX9" fmla="*/ 3290420 w 3290420"/>
              <a:gd name="connsiteY9" fmla="*/ 0 h 784409"/>
              <a:gd name="connsiteX10" fmla="*/ 3290420 w 3290420"/>
              <a:gd name="connsiteY10" fmla="*/ 137238 h 784409"/>
              <a:gd name="connsiteX11" fmla="*/ 3290420 w 3290420"/>
              <a:gd name="connsiteY11" fmla="*/ 436501 h 784409"/>
              <a:gd name="connsiteX12" fmla="*/ 3290420 w 3290420"/>
              <a:gd name="connsiteY12" fmla="*/ 436503 h 784409"/>
              <a:gd name="connsiteX13" fmla="*/ 3290420 w 3290420"/>
              <a:gd name="connsiteY13" fmla="*/ 573738 h 784409"/>
              <a:gd name="connsiteX14" fmla="*/ 3290420 w 3290420"/>
              <a:gd name="connsiteY14" fmla="*/ 784409 h 784409"/>
              <a:gd name="connsiteX0" fmla="*/ 2861541 w 3290420"/>
              <a:gd name="connsiteY0" fmla="*/ 784409 h 784409"/>
              <a:gd name="connsiteX1" fmla="*/ 2861541 w 3290420"/>
              <a:gd name="connsiteY1" fmla="*/ 573738 h 784409"/>
              <a:gd name="connsiteX2" fmla="*/ 0 w 3290420"/>
              <a:gd name="connsiteY2" fmla="*/ 573738 h 784409"/>
              <a:gd name="connsiteX3" fmla="*/ 0 w 3290420"/>
              <a:gd name="connsiteY3" fmla="*/ 296968 h 784409"/>
              <a:gd name="connsiteX4" fmla="*/ 1 w 3290420"/>
              <a:gd name="connsiteY4" fmla="*/ 296968 h 784409"/>
              <a:gd name="connsiteX5" fmla="*/ 1 w 3290420"/>
              <a:gd name="connsiteY5" fmla="*/ 137238 h 784409"/>
              <a:gd name="connsiteX6" fmla="*/ 137239 w 3290420"/>
              <a:gd name="connsiteY6" fmla="*/ 0 h 784409"/>
              <a:gd name="connsiteX7" fmla="*/ 2861541 w 3290420"/>
              <a:gd name="connsiteY7" fmla="*/ 0 h 784409"/>
              <a:gd name="connsiteX8" fmla="*/ 3153182 w 3290420"/>
              <a:gd name="connsiteY8" fmla="*/ 0 h 784409"/>
              <a:gd name="connsiteX9" fmla="*/ 3290420 w 3290420"/>
              <a:gd name="connsiteY9" fmla="*/ 0 h 784409"/>
              <a:gd name="connsiteX10" fmla="*/ 3290420 w 3290420"/>
              <a:gd name="connsiteY10" fmla="*/ 137238 h 784409"/>
              <a:gd name="connsiteX11" fmla="*/ 3290420 w 3290420"/>
              <a:gd name="connsiteY11" fmla="*/ 436501 h 784409"/>
              <a:gd name="connsiteX12" fmla="*/ 3290420 w 3290420"/>
              <a:gd name="connsiteY12" fmla="*/ 436503 h 784409"/>
              <a:gd name="connsiteX13" fmla="*/ 3290420 w 3290420"/>
              <a:gd name="connsiteY13" fmla="*/ 573738 h 784409"/>
              <a:gd name="connsiteX0" fmla="*/ 2861541 w 3290420"/>
              <a:gd name="connsiteY0" fmla="*/ 573738 h 573738"/>
              <a:gd name="connsiteX1" fmla="*/ 0 w 3290420"/>
              <a:gd name="connsiteY1" fmla="*/ 573738 h 573738"/>
              <a:gd name="connsiteX2" fmla="*/ 0 w 3290420"/>
              <a:gd name="connsiteY2" fmla="*/ 296968 h 573738"/>
              <a:gd name="connsiteX3" fmla="*/ 1 w 3290420"/>
              <a:gd name="connsiteY3" fmla="*/ 296968 h 573738"/>
              <a:gd name="connsiteX4" fmla="*/ 1 w 3290420"/>
              <a:gd name="connsiteY4" fmla="*/ 137238 h 573738"/>
              <a:gd name="connsiteX5" fmla="*/ 137239 w 3290420"/>
              <a:gd name="connsiteY5" fmla="*/ 0 h 573738"/>
              <a:gd name="connsiteX6" fmla="*/ 2861541 w 3290420"/>
              <a:gd name="connsiteY6" fmla="*/ 0 h 573738"/>
              <a:gd name="connsiteX7" fmla="*/ 3153182 w 3290420"/>
              <a:gd name="connsiteY7" fmla="*/ 0 h 573738"/>
              <a:gd name="connsiteX8" fmla="*/ 3290420 w 3290420"/>
              <a:gd name="connsiteY8" fmla="*/ 0 h 573738"/>
              <a:gd name="connsiteX9" fmla="*/ 3290420 w 3290420"/>
              <a:gd name="connsiteY9" fmla="*/ 137238 h 573738"/>
              <a:gd name="connsiteX10" fmla="*/ 3290420 w 3290420"/>
              <a:gd name="connsiteY10" fmla="*/ 436501 h 573738"/>
              <a:gd name="connsiteX11" fmla="*/ 3290420 w 3290420"/>
              <a:gd name="connsiteY11" fmla="*/ 436503 h 573738"/>
              <a:gd name="connsiteX12" fmla="*/ 3290420 w 3290420"/>
              <a:gd name="connsiteY12" fmla="*/ 573738 h 573738"/>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2861541 w 3290420"/>
              <a:gd name="connsiteY5" fmla="*/ 0 h 573738"/>
              <a:gd name="connsiteX6" fmla="*/ 3153182 w 3290420"/>
              <a:gd name="connsiteY6" fmla="*/ 0 h 573738"/>
              <a:gd name="connsiteX7" fmla="*/ 3290420 w 3290420"/>
              <a:gd name="connsiteY7" fmla="*/ 0 h 573738"/>
              <a:gd name="connsiteX8" fmla="*/ 3290420 w 3290420"/>
              <a:gd name="connsiteY8" fmla="*/ 137238 h 573738"/>
              <a:gd name="connsiteX9" fmla="*/ 3290420 w 3290420"/>
              <a:gd name="connsiteY9" fmla="*/ 436501 h 573738"/>
              <a:gd name="connsiteX10" fmla="*/ 3290420 w 3290420"/>
              <a:gd name="connsiteY10" fmla="*/ 436503 h 573738"/>
              <a:gd name="connsiteX11" fmla="*/ 3290420 w 3290420"/>
              <a:gd name="connsiteY11" fmla="*/ 573738 h 5737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290420" h="573738">
                <a:moveTo>
                  <a:pt x="0" y="573738"/>
                </a:moveTo>
                <a:lnTo>
                  <a:pt x="0" y="296968"/>
                </a:lnTo>
                <a:lnTo>
                  <a:pt x="1" y="296968"/>
                </a:lnTo>
                <a:lnTo>
                  <a:pt x="1" y="137238"/>
                </a:lnTo>
                <a:cubicBezTo>
                  <a:pt x="1" y="61444"/>
                  <a:pt x="61445" y="0"/>
                  <a:pt x="137239" y="0"/>
                </a:cubicBezTo>
                <a:lnTo>
                  <a:pt x="2861541" y="0"/>
                </a:lnTo>
                <a:lnTo>
                  <a:pt x="3153182" y="0"/>
                </a:lnTo>
                <a:lnTo>
                  <a:pt x="3290420" y="0"/>
                </a:lnTo>
                <a:lnTo>
                  <a:pt x="3290420" y="137238"/>
                </a:lnTo>
                <a:lnTo>
                  <a:pt x="3290420" y="436501"/>
                </a:lnTo>
                <a:lnTo>
                  <a:pt x="3290420" y="436503"/>
                </a:lnTo>
                <a:lnTo>
                  <a:pt x="3290420" y="57373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3" name="Kombinationstegning: figur 12">
            <a:extLst>
              <a:ext uri="{FF2B5EF4-FFF2-40B4-BE49-F238E27FC236}">
                <a16:creationId xmlns:a16="http://schemas.microsoft.com/office/drawing/2014/main" id="{48A5DC69-715C-A5CB-06D3-FD6482E72F48}"/>
              </a:ext>
            </a:extLst>
          </p:cNvPr>
          <p:cNvSpPr/>
          <p:nvPr userDrawn="1"/>
        </p:nvSpPr>
        <p:spPr>
          <a:xfrm rot="5400000">
            <a:off x="-527441" y="2744110"/>
            <a:ext cx="2656746" cy="1601868"/>
          </a:xfrm>
          <a:custGeom>
            <a:avLst/>
            <a:gdLst>
              <a:gd name="connsiteX0" fmla="*/ 0 w 2656746"/>
              <a:gd name="connsiteY0" fmla="*/ 1439807 h 1601868"/>
              <a:gd name="connsiteX1" fmla="*/ 0 w 2656746"/>
              <a:gd name="connsiteY1" fmla="*/ 162061 h 1601868"/>
              <a:gd name="connsiteX2" fmla="*/ 162061 w 2656746"/>
              <a:gd name="connsiteY2" fmla="*/ 0 h 1601868"/>
              <a:gd name="connsiteX3" fmla="*/ 2494683 w 2656746"/>
              <a:gd name="connsiteY3" fmla="*/ 0 h 1601868"/>
              <a:gd name="connsiteX4" fmla="*/ 2656744 w 2656746"/>
              <a:gd name="connsiteY4" fmla="*/ 162061 h 1601868"/>
              <a:gd name="connsiteX5" fmla="*/ 2656744 w 2656746"/>
              <a:gd name="connsiteY5" fmla="*/ 259006 h 1601868"/>
              <a:gd name="connsiteX6" fmla="*/ 2656746 w 2656746"/>
              <a:gd name="connsiteY6" fmla="*/ 259006 h 1601868"/>
              <a:gd name="connsiteX7" fmla="*/ 2656746 w 2656746"/>
              <a:gd name="connsiteY7" fmla="*/ 1601868 h 1601868"/>
              <a:gd name="connsiteX8" fmla="*/ 2494683 w 2656746"/>
              <a:gd name="connsiteY8" fmla="*/ 1601868 h 1601868"/>
              <a:gd name="connsiteX9" fmla="*/ 162061 w 2656746"/>
              <a:gd name="connsiteY9" fmla="*/ 1601868 h 1601868"/>
              <a:gd name="connsiteX10" fmla="*/ 2 w 2656746"/>
              <a:gd name="connsiteY10" fmla="*/ 1601868 h 1601868"/>
              <a:gd name="connsiteX11" fmla="*/ 2 w 2656746"/>
              <a:gd name="connsiteY11" fmla="*/ 1439817 h 1601868"/>
              <a:gd name="connsiteX0" fmla="*/ 2 w 2656746"/>
              <a:gd name="connsiteY0" fmla="*/ 1601868 h 1693308"/>
              <a:gd name="connsiteX1" fmla="*/ 2 w 2656746"/>
              <a:gd name="connsiteY1" fmla="*/ 1439817 h 1693308"/>
              <a:gd name="connsiteX2" fmla="*/ 0 w 2656746"/>
              <a:gd name="connsiteY2" fmla="*/ 1439807 h 1693308"/>
              <a:gd name="connsiteX3" fmla="*/ 0 w 2656746"/>
              <a:gd name="connsiteY3" fmla="*/ 162061 h 1693308"/>
              <a:gd name="connsiteX4" fmla="*/ 162061 w 2656746"/>
              <a:gd name="connsiteY4" fmla="*/ 0 h 1693308"/>
              <a:gd name="connsiteX5" fmla="*/ 2494683 w 2656746"/>
              <a:gd name="connsiteY5" fmla="*/ 0 h 1693308"/>
              <a:gd name="connsiteX6" fmla="*/ 2656744 w 2656746"/>
              <a:gd name="connsiteY6" fmla="*/ 162061 h 1693308"/>
              <a:gd name="connsiteX7" fmla="*/ 2656744 w 2656746"/>
              <a:gd name="connsiteY7" fmla="*/ 259006 h 1693308"/>
              <a:gd name="connsiteX8" fmla="*/ 2656746 w 2656746"/>
              <a:gd name="connsiteY8" fmla="*/ 259006 h 1693308"/>
              <a:gd name="connsiteX9" fmla="*/ 2656746 w 2656746"/>
              <a:gd name="connsiteY9" fmla="*/ 1601868 h 1693308"/>
              <a:gd name="connsiteX10" fmla="*/ 2494683 w 2656746"/>
              <a:gd name="connsiteY10" fmla="*/ 1601868 h 1693308"/>
              <a:gd name="connsiteX11" fmla="*/ 162061 w 2656746"/>
              <a:gd name="connsiteY11" fmla="*/ 1601868 h 1693308"/>
              <a:gd name="connsiteX12" fmla="*/ 91442 w 2656746"/>
              <a:gd name="connsiteY12" fmla="*/ 1693308 h 169330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11" fmla="*/ 162061 w 2656746"/>
              <a:gd name="connsiteY11"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56746" h="1601868">
                <a:moveTo>
                  <a:pt x="2" y="1601868"/>
                </a:moveTo>
                <a:lnTo>
                  <a:pt x="2" y="1439817"/>
                </a:lnTo>
                <a:cubicBezTo>
                  <a:pt x="1" y="1439814"/>
                  <a:pt x="1" y="1439810"/>
                  <a:pt x="0" y="1439807"/>
                </a:cubicBezTo>
                <a:lnTo>
                  <a:pt x="0" y="162061"/>
                </a:lnTo>
                <a:cubicBezTo>
                  <a:pt x="0" y="72557"/>
                  <a:pt x="72557" y="0"/>
                  <a:pt x="162061" y="0"/>
                </a:cubicBezTo>
                <a:lnTo>
                  <a:pt x="2494683" y="0"/>
                </a:lnTo>
                <a:cubicBezTo>
                  <a:pt x="2584187" y="0"/>
                  <a:pt x="2656744" y="72557"/>
                  <a:pt x="2656744" y="162061"/>
                </a:cubicBezTo>
                <a:lnTo>
                  <a:pt x="2656744" y="259006"/>
                </a:lnTo>
                <a:lnTo>
                  <a:pt x="2656746" y="259006"/>
                </a:lnTo>
                <a:lnTo>
                  <a:pt x="2656746" y="160186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7" name="Freeform: Shape 79">
            <a:extLst>
              <a:ext uri="{FF2B5EF4-FFF2-40B4-BE49-F238E27FC236}">
                <a16:creationId xmlns:a16="http://schemas.microsoft.com/office/drawing/2014/main" id="{441A6F05-6F6E-988B-FA5B-FB1CCAE99F15}"/>
              </a:ext>
            </a:extLst>
          </p:cNvPr>
          <p:cNvSpPr/>
          <p:nvPr userDrawn="1"/>
        </p:nvSpPr>
        <p:spPr>
          <a:xfrm rot="5400000">
            <a:off x="-1016912" y="2810669"/>
            <a:ext cx="1740665" cy="6383726"/>
          </a:xfrm>
          <a:custGeom>
            <a:avLst/>
            <a:gdLst>
              <a:gd name="connsiteX0" fmla="*/ 0 w 1740665"/>
              <a:gd name="connsiteY0" fmla="*/ 6383726 h 6559829"/>
              <a:gd name="connsiteX1" fmla="*/ 0 w 1740665"/>
              <a:gd name="connsiteY1" fmla="*/ 176104 h 6559829"/>
              <a:gd name="connsiteX2" fmla="*/ 176103 w 1740665"/>
              <a:gd name="connsiteY2" fmla="*/ 1 h 6559829"/>
              <a:gd name="connsiteX3" fmla="*/ 566238 w 1740665"/>
              <a:gd name="connsiteY3" fmla="*/ 1 h 6559829"/>
              <a:gd name="connsiteX4" fmla="*/ 566238 w 1740665"/>
              <a:gd name="connsiteY4" fmla="*/ 0 h 6559829"/>
              <a:gd name="connsiteX5" fmla="*/ 1740665 w 1740665"/>
              <a:gd name="connsiteY5" fmla="*/ 0 h 6559829"/>
              <a:gd name="connsiteX6" fmla="*/ 1740665 w 1740665"/>
              <a:gd name="connsiteY6" fmla="*/ 6551498 h 6559829"/>
              <a:gd name="connsiteX7" fmla="*/ 1605825 w 1740665"/>
              <a:gd name="connsiteY7" fmla="*/ 6551498 h 6559829"/>
              <a:gd name="connsiteX8" fmla="*/ 1564562 w 1740665"/>
              <a:gd name="connsiteY8" fmla="*/ 6559829 h 6559829"/>
              <a:gd name="connsiteX9" fmla="*/ 176103 w 1740665"/>
              <a:gd name="connsiteY9" fmla="*/ 6559829 h 6559829"/>
              <a:gd name="connsiteX10" fmla="*/ 0 w 1740665"/>
              <a:gd name="connsiteY10" fmla="*/ 6383726 h 6559829"/>
              <a:gd name="connsiteX0" fmla="*/ 1740665 w 1832105"/>
              <a:gd name="connsiteY0" fmla="*/ 6551498 h 6642938"/>
              <a:gd name="connsiteX1" fmla="*/ 1605825 w 1832105"/>
              <a:gd name="connsiteY1" fmla="*/ 6551498 h 6642938"/>
              <a:gd name="connsiteX2" fmla="*/ 1564562 w 1832105"/>
              <a:gd name="connsiteY2" fmla="*/ 6559829 h 6642938"/>
              <a:gd name="connsiteX3" fmla="*/ 176103 w 1832105"/>
              <a:gd name="connsiteY3" fmla="*/ 6559829 h 6642938"/>
              <a:gd name="connsiteX4" fmla="*/ 0 w 1832105"/>
              <a:gd name="connsiteY4" fmla="*/ 6383726 h 6642938"/>
              <a:gd name="connsiteX5" fmla="*/ 0 w 1832105"/>
              <a:gd name="connsiteY5" fmla="*/ 176104 h 6642938"/>
              <a:gd name="connsiteX6" fmla="*/ 176103 w 1832105"/>
              <a:gd name="connsiteY6" fmla="*/ 1 h 6642938"/>
              <a:gd name="connsiteX7" fmla="*/ 566238 w 1832105"/>
              <a:gd name="connsiteY7" fmla="*/ 1 h 6642938"/>
              <a:gd name="connsiteX8" fmla="*/ 566238 w 1832105"/>
              <a:gd name="connsiteY8" fmla="*/ 0 h 6642938"/>
              <a:gd name="connsiteX9" fmla="*/ 1740665 w 1832105"/>
              <a:gd name="connsiteY9" fmla="*/ 0 h 6642938"/>
              <a:gd name="connsiteX10" fmla="*/ 1832105 w 1832105"/>
              <a:gd name="connsiteY10" fmla="*/ 6642938 h 6642938"/>
              <a:gd name="connsiteX0" fmla="*/ 1740665 w 1740665"/>
              <a:gd name="connsiteY0" fmla="*/ 6551498 h 6559829"/>
              <a:gd name="connsiteX1" fmla="*/ 1605825 w 1740665"/>
              <a:gd name="connsiteY1" fmla="*/ 6551498 h 6559829"/>
              <a:gd name="connsiteX2" fmla="*/ 1564562 w 1740665"/>
              <a:gd name="connsiteY2" fmla="*/ 6559829 h 6559829"/>
              <a:gd name="connsiteX3" fmla="*/ 176103 w 1740665"/>
              <a:gd name="connsiteY3" fmla="*/ 6559829 h 6559829"/>
              <a:gd name="connsiteX4" fmla="*/ 0 w 1740665"/>
              <a:gd name="connsiteY4" fmla="*/ 6383726 h 6559829"/>
              <a:gd name="connsiteX5" fmla="*/ 0 w 1740665"/>
              <a:gd name="connsiteY5" fmla="*/ 176104 h 6559829"/>
              <a:gd name="connsiteX6" fmla="*/ 176103 w 1740665"/>
              <a:gd name="connsiteY6" fmla="*/ 1 h 6559829"/>
              <a:gd name="connsiteX7" fmla="*/ 566238 w 1740665"/>
              <a:gd name="connsiteY7" fmla="*/ 1 h 6559829"/>
              <a:gd name="connsiteX8" fmla="*/ 566238 w 1740665"/>
              <a:gd name="connsiteY8" fmla="*/ 0 h 6559829"/>
              <a:gd name="connsiteX9" fmla="*/ 1740665 w 1740665"/>
              <a:gd name="connsiteY9" fmla="*/ 0 h 6559829"/>
              <a:gd name="connsiteX0" fmla="*/ 1605825 w 1740665"/>
              <a:gd name="connsiteY0" fmla="*/ 6551498 h 6559829"/>
              <a:gd name="connsiteX1" fmla="*/ 1564562 w 1740665"/>
              <a:gd name="connsiteY1" fmla="*/ 6559829 h 6559829"/>
              <a:gd name="connsiteX2" fmla="*/ 176103 w 1740665"/>
              <a:gd name="connsiteY2" fmla="*/ 6559829 h 6559829"/>
              <a:gd name="connsiteX3" fmla="*/ 0 w 1740665"/>
              <a:gd name="connsiteY3" fmla="*/ 6383726 h 6559829"/>
              <a:gd name="connsiteX4" fmla="*/ 0 w 1740665"/>
              <a:gd name="connsiteY4" fmla="*/ 176104 h 6559829"/>
              <a:gd name="connsiteX5" fmla="*/ 176103 w 1740665"/>
              <a:gd name="connsiteY5" fmla="*/ 1 h 6559829"/>
              <a:gd name="connsiteX6" fmla="*/ 566238 w 1740665"/>
              <a:gd name="connsiteY6" fmla="*/ 1 h 6559829"/>
              <a:gd name="connsiteX7" fmla="*/ 566238 w 1740665"/>
              <a:gd name="connsiteY7" fmla="*/ 0 h 6559829"/>
              <a:gd name="connsiteX8" fmla="*/ 1740665 w 1740665"/>
              <a:gd name="connsiteY8" fmla="*/ 0 h 6559829"/>
              <a:gd name="connsiteX0" fmla="*/ 1605825 w 1740665"/>
              <a:gd name="connsiteY0" fmla="*/ 6551498 h 6559829"/>
              <a:gd name="connsiteX1" fmla="*/ 176103 w 1740665"/>
              <a:gd name="connsiteY1" fmla="*/ 6559829 h 6559829"/>
              <a:gd name="connsiteX2" fmla="*/ 0 w 1740665"/>
              <a:gd name="connsiteY2" fmla="*/ 6383726 h 6559829"/>
              <a:gd name="connsiteX3" fmla="*/ 0 w 1740665"/>
              <a:gd name="connsiteY3" fmla="*/ 176104 h 6559829"/>
              <a:gd name="connsiteX4" fmla="*/ 176103 w 1740665"/>
              <a:gd name="connsiteY4" fmla="*/ 1 h 6559829"/>
              <a:gd name="connsiteX5" fmla="*/ 566238 w 1740665"/>
              <a:gd name="connsiteY5" fmla="*/ 1 h 6559829"/>
              <a:gd name="connsiteX6" fmla="*/ 566238 w 1740665"/>
              <a:gd name="connsiteY6" fmla="*/ 0 h 6559829"/>
              <a:gd name="connsiteX7" fmla="*/ 1740665 w 1740665"/>
              <a:gd name="connsiteY7" fmla="*/ 0 h 6559829"/>
              <a:gd name="connsiteX0" fmla="*/ 176103 w 1740665"/>
              <a:gd name="connsiteY0" fmla="*/ 6559829 h 6559829"/>
              <a:gd name="connsiteX1" fmla="*/ 0 w 1740665"/>
              <a:gd name="connsiteY1" fmla="*/ 6383726 h 6559829"/>
              <a:gd name="connsiteX2" fmla="*/ 0 w 1740665"/>
              <a:gd name="connsiteY2" fmla="*/ 176104 h 6559829"/>
              <a:gd name="connsiteX3" fmla="*/ 176103 w 1740665"/>
              <a:gd name="connsiteY3" fmla="*/ 1 h 6559829"/>
              <a:gd name="connsiteX4" fmla="*/ 566238 w 1740665"/>
              <a:gd name="connsiteY4" fmla="*/ 1 h 6559829"/>
              <a:gd name="connsiteX5" fmla="*/ 566238 w 1740665"/>
              <a:gd name="connsiteY5" fmla="*/ 0 h 6559829"/>
              <a:gd name="connsiteX6" fmla="*/ 1740665 w 1740665"/>
              <a:gd name="connsiteY6" fmla="*/ 0 h 6559829"/>
              <a:gd name="connsiteX0" fmla="*/ 0 w 1740665"/>
              <a:gd name="connsiteY0" fmla="*/ 6383726 h 6383726"/>
              <a:gd name="connsiteX1" fmla="*/ 0 w 1740665"/>
              <a:gd name="connsiteY1" fmla="*/ 176104 h 6383726"/>
              <a:gd name="connsiteX2" fmla="*/ 176103 w 1740665"/>
              <a:gd name="connsiteY2" fmla="*/ 1 h 6383726"/>
              <a:gd name="connsiteX3" fmla="*/ 566238 w 1740665"/>
              <a:gd name="connsiteY3" fmla="*/ 1 h 6383726"/>
              <a:gd name="connsiteX4" fmla="*/ 566238 w 1740665"/>
              <a:gd name="connsiteY4" fmla="*/ 0 h 6383726"/>
              <a:gd name="connsiteX5" fmla="*/ 1740665 w 1740665"/>
              <a:gd name="connsiteY5" fmla="*/ 0 h 6383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40665" h="6383726">
                <a:moveTo>
                  <a:pt x="0" y="6383726"/>
                </a:moveTo>
                <a:lnTo>
                  <a:pt x="0" y="176104"/>
                </a:lnTo>
                <a:cubicBezTo>
                  <a:pt x="0" y="78845"/>
                  <a:pt x="78844" y="1"/>
                  <a:pt x="176103" y="1"/>
                </a:cubicBezTo>
                <a:lnTo>
                  <a:pt x="566238" y="1"/>
                </a:lnTo>
                <a:lnTo>
                  <a:pt x="566238" y="0"/>
                </a:lnTo>
                <a:lnTo>
                  <a:pt x="174066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176789" cy="1548000"/>
          </a:xfrm>
        </p:spPr>
        <p:txBody>
          <a:bodyPr anchor="t" anchorCtr="0"/>
          <a:lstStyle>
            <a:lvl1pPr algn="l">
              <a:defRPr sz="4800">
                <a:solidFill>
                  <a:schemeClr val="bg1"/>
                </a:solidFill>
              </a:defRPr>
            </a:lvl1pPr>
          </a:lstStyle>
          <a:p>
            <a:r>
              <a:rPr lang="da-DK" dirty="0"/>
              <a:t>Klik for at indsætte overskrift – max. to linjer</a:t>
            </a:r>
          </a:p>
        </p:txBody>
      </p:sp>
      <p:pic>
        <p:nvPicPr>
          <p:cNvPr id="1300282138" name="Dynamic cover logo hvid" descr="{&quot;templafy&quot;:{&quot;id&quot;:&quot;425df007-3c86-4e1c-bf9c-ac3182b61d4c&quot;}}"/>
          <p:cNvPicPr>
            <a:picLocks noChangeAspect="1"/>
          </p:cNvPicPr>
          <p:nvPr/>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1586232232"/>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0"/>
                                  </p:stCondLst>
                                  <p:childTnLst>
                                    <p:animMotion origin="layout" path="M -8.33333E-7 -1.48148E-6 L 0.21224 -1.48148E-6 " pathEditMode="relative" rAng="0" ptsTypes="AA">
                                      <p:cBhvr>
                                        <p:cTn id="6" dur="5000" fill="hold"/>
                                        <p:tgtEl>
                                          <p:spTgt spid="47"/>
                                        </p:tgtEl>
                                        <p:attrNameLst>
                                          <p:attrName>ppt_x</p:attrName>
                                          <p:attrName>ppt_y</p:attrName>
                                        </p:attrNameLst>
                                      </p:cBhvr>
                                      <p:rCtr x="10612" y="0"/>
                                    </p:animMotion>
                                  </p:childTnLst>
                                </p:cTn>
                              </p:par>
                              <p:par>
                                <p:cTn id="7" presetID="64" presetClass="path" presetSubtype="0" repeatCount="indefinite" accel="50000" decel="50000" autoRev="1" fill="hold" nodeType="withEffect">
                                  <p:stCondLst>
                                    <p:cond delay="1700"/>
                                  </p:stCondLst>
                                  <p:childTnLst>
                                    <p:animMotion origin="layout" path="M -1.875E-6 -7.40741E-7 L -1.875E-6 -0.09699 " pathEditMode="relative" rAng="0" ptsTypes="AA">
                                      <p:cBhvr>
                                        <p:cTn id="8" dur="6750" fill="hold"/>
                                        <p:tgtEl>
                                          <p:spTgt spid="17"/>
                                        </p:tgtEl>
                                        <p:attrNameLst>
                                          <p:attrName>ppt_x</p:attrName>
                                          <p:attrName>ppt_y</p:attrName>
                                        </p:attrNameLst>
                                      </p:cBhvr>
                                      <p:rCtr x="0" y="-4861"/>
                                    </p:animMotion>
                                  </p:childTnLst>
                                </p:cTn>
                              </p:par>
                              <p:par>
                                <p:cTn id="9" presetID="42" presetClass="path" presetSubtype="0" repeatCount="indefinite" accel="50000" decel="50000" autoRev="1" fill="hold" nodeType="withEffect">
                                  <p:stCondLst>
                                    <p:cond delay="0"/>
                                  </p:stCondLst>
                                  <p:childTnLst>
                                    <p:animMotion origin="layout" path="M -2.91667E-6 3.7037E-7 L 0.05742 3.7037E-7 " pathEditMode="relative" rAng="0" ptsTypes="AA">
                                      <p:cBhvr>
                                        <p:cTn id="10" dur="6750" fill="hold"/>
                                        <p:tgtEl>
                                          <p:spTgt spid="48"/>
                                        </p:tgtEl>
                                        <p:attrNameLst>
                                          <p:attrName>ppt_x</p:attrName>
                                          <p:attrName>ppt_y</p:attrName>
                                        </p:attrNameLst>
                                      </p:cBhvr>
                                      <p:rCtr x="286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7" grpId="0" animBg="1"/>
    </p:bldLst>
  </p:timing>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Forside animation B">
    <p:bg>
      <p:bgPr>
        <a:solidFill>
          <a:schemeClr val="bg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1F558EE2-5BC5-4E63-8AB4-9F9595058CF5}" type="datetime2">
              <a:rPr lang="da-DK" smtClean="0"/>
              <a:t>11.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grpSp>
        <p:nvGrpSpPr>
          <p:cNvPr id="35" name="Group 37">
            <a:extLst>
              <a:ext uri="{FF2B5EF4-FFF2-40B4-BE49-F238E27FC236}">
                <a16:creationId xmlns:a16="http://schemas.microsoft.com/office/drawing/2014/main" id="{345680D0-54A8-BBC5-D9D9-BFE8F7BDC5D5}"/>
              </a:ext>
            </a:extLst>
          </p:cNvPr>
          <p:cNvGrpSpPr/>
          <p:nvPr userDrawn="1"/>
        </p:nvGrpSpPr>
        <p:grpSpPr>
          <a:xfrm>
            <a:off x="9707205" y="1658311"/>
            <a:ext cx="1899131" cy="1532511"/>
            <a:chOff x="7918183" y="1759240"/>
            <a:chExt cx="1670583" cy="1532511"/>
          </a:xfrm>
          <a:solidFill>
            <a:schemeClr val="accent3"/>
          </a:solidFill>
        </p:grpSpPr>
        <p:sp>
          <p:nvSpPr>
            <p:cNvPr id="36" name="Rectangle: Rounded Corners 38">
              <a:extLst>
                <a:ext uri="{FF2B5EF4-FFF2-40B4-BE49-F238E27FC236}">
                  <a16:creationId xmlns:a16="http://schemas.microsoft.com/office/drawing/2014/main" id="{1A4DFA48-D3CA-A2BB-57DD-75958F343582}"/>
                </a:ext>
              </a:extLst>
            </p:cNvPr>
            <p:cNvSpPr/>
            <p:nvPr/>
          </p:nvSpPr>
          <p:spPr>
            <a:xfrm>
              <a:off x="7918183" y="1759240"/>
              <a:ext cx="1670583" cy="1532511"/>
            </a:xfrm>
            <a:prstGeom prst="roundRect">
              <a:avLst>
                <a:gd name="adj" fmla="val 10244"/>
              </a:avLst>
            </a:prstGeom>
            <a:grp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37" name="Rectangle 39">
              <a:extLst>
                <a:ext uri="{FF2B5EF4-FFF2-40B4-BE49-F238E27FC236}">
                  <a16:creationId xmlns:a16="http://schemas.microsoft.com/office/drawing/2014/main" id="{A15C5EF1-D4CB-00F4-9001-3D2F0EF758F7}"/>
                </a:ext>
              </a:extLst>
            </p:cNvPr>
            <p:cNvSpPr/>
            <p:nvPr/>
          </p:nvSpPr>
          <p:spPr>
            <a:xfrm>
              <a:off x="7918183" y="2007031"/>
              <a:ext cx="1077132" cy="1284720"/>
            </a:xfrm>
            <a:prstGeom prst="rect">
              <a:avLst/>
            </a:prstGeom>
            <a:grp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40" name="Rectangle: Rounded Corners 15">
            <a:extLst>
              <a:ext uri="{FF2B5EF4-FFF2-40B4-BE49-F238E27FC236}">
                <a16:creationId xmlns:a16="http://schemas.microsoft.com/office/drawing/2014/main" id="{D32817E6-8B89-65BB-1D74-551FCEAE35E1}"/>
              </a:ext>
            </a:extLst>
          </p:cNvPr>
          <p:cNvSpPr/>
          <p:nvPr userDrawn="1"/>
        </p:nvSpPr>
        <p:spPr>
          <a:xfrm>
            <a:off x="7758498" y="841163"/>
            <a:ext cx="1670583" cy="1532511"/>
          </a:xfrm>
          <a:prstGeom prst="roundRect">
            <a:avLst>
              <a:gd name="adj" fmla="val 10244"/>
            </a:avLst>
          </a:prstGeom>
          <a:solidFill>
            <a:srgbClr val="F68D2E"/>
          </a:solid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41" name="Rectangle: Rounded Corners 9">
            <a:extLst>
              <a:ext uri="{FF2B5EF4-FFF2-40B4-BE49-F238E27FC236}">
                <a16:creationId xmlns:a16="http://schemas.microsoft.com/office/drawing/2014/main" id="{0AD77006-6263-CBA3-95C3-66538B4BD583}"/>
              </a:ext>
            </a:extLst>
          </p:cNvPr>
          <p:cNvSpPr/>
          <p:nvPr userDrawn="1"/>
        </p:nvSpPr>
        <p:spPr>
          <a:xfrm>
            <a:off x="9707205" y="1103147"/>
            <a:ext cx="1899131" cy="1532511"/>
          </a:xfrm>
          <a:prstGeom prst="roundRect">
            <a:avLst>
              <a:gd name="adj" fmla="val 10244"/>
            </a:avLst>
          </a:prstGeom>
          <a:solidFill>
            <a:schemeClr val="accent3"/>
          </a:solid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42" name="Rectangle: Rounded Corners 10">
            <a:extLst>
              <a:ext uri="{FF2B5EF4-FFF2-40B4-BE49-F238E27FC236}">
                <a16:creationId xmlns:a16="http://schemas.microsoft.com/office/drawing/2014/main" id="{BA0F0B34-15DF-3C9E-400C-C29A457876C5}"/>
              </a:ext>
            </a:extLst>
          </p:cNvPr>
          <p:cNvSpPr/>
          <p:nvPr userDrawn="1"/>
        </p:nvSpPr>
        <p:spPr>
          <a:xfrm>
            <a:off x="9707205" y="1546370"/>
            <a:ext cx="1899131" cy="1532511"/>
          </a:xfrm>
          <a:prstGeom prst="roundRect">
            <a:avLst>
              <a:gd name="adj" fmla="val 10244"/>
            </a:avLst>
          </a:prstGeom>
          <a:solidFill>
            <a:schemeClr val="accent3"/>
          </a:solid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nvGrpSpPr>
          <p:cNvPr id="43" name="Group 13">
            <a:extLst>
              <a:ext uri="{FF2B5EF4-FFF2-40B4-BE49-F238E27FC236}">
                <a16:creationId xmlns:a16="http://schemas.microsoft.com/office/drawing/2014/main" id="{3F646390-FCF6-092F-FAF1-684918E6C4A4}"/>
              </a:ext>
            </a:extLst>
          </p:cNvPr>
          <p:cNvGrpSpPr/>
          <p:nvPr userDrawn="1"/>
        </p:nvGrpSpPr>
        <p:grpSpPr>
          <a:xfrm>
            <a:off x="7758498" y="1661606"/>
            <a:ext cx="1670583" cy="1532511"/>
            <a:chOff x="7918183" y="1759240"/>
            <a:chExt cx="1670583" cy="1532511"/>
          </a:xfrm>
          <a:solidFill>
            <a:srgbClr val="F68D2E"/>
          </a:solidFill>
        </p:grpSpPr>
        <p:sp>
          <p:nvSpPr>
            <p:cNvPr id="44" name="Rectangle: Rounded Corners 12">
              <a:extLst>
                <a:ext uri="{FF2B5EF4-FFF2-40B4-BE49-F238E27FC236}">
                  <a16:creationId xmlns:a16="http://schemas.microsoft.com/office/drawing/2014/main" id="{05CA8F74-8DAC-9A15-B1FD-4140CA1325C6}"/>
                </a:ext>
              </a:extLst>
            </p:cNvPr>
            <p:cNvSpPr/>
            <p:nvPr/>
          </p:nvSpPr>
          <p:spPr>
            <a:xfrm>
              <a:off x="7918183" y="1759240"/>
              <a:ext cx="1670583" cy="1532511"/>
            </a:xfrm>
            <a:prstGeom prst="roundRect">
              <a:avLst>
                <a:gd name="adj" fmla="val 10244"/>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46" name="Rectangle 11">
              <a:extLst>
                <a:ext uri="{FF2B5EF4-FFF2-40B4-BE49-F238E27FC236}">
                  <a16:creationId xmlns:a16="http://schemas.microsoft.com/office/drawing/2014/main" id="{11FBB2EA-3973-25A2-E5D3-1E32F82F86FD}"/>
                </a:ext>
              </a:extLst>
            </p:cNvPr>
            <p:cNvSpPr/>
            <p:nvPr/>
          </p:nvSpPr>
          <p:spPr>
            <a:xfrm>
              <a:off x="7918183" y="2007031"/>
              <a:ext cx="1077132"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2" name="Freeform: Shape 11">
            <a:extLst>
              <a:ext uri="{FF2B5EF4-FFF2-40B4-BE49-F238E27FC236}">
                <a16:creationId xmlns:a16="http://schemas.microsoft.com/office/drawing/2014/main" id="{EC2584C0-3DED-D639-DA70-1763518DF8F0}"/>
              </a:ext>
            </a:extLst>
          </p:cNvPr>
          <p:cNvSpPr/>
          <p:nvPr userDrawn="1"/>
        </p:nvSpPr>
        <p:spPr>
          <a:xfrm>
            <a:off x="4640765" y="5672577"/>
            <a:ext cx="2313526" cy="1185422"/>
          </a:xfrm>
          <a:custGeom>
            <a:avLst/>
            <a:gdLst>
              <a:gd name="connsiteX0" fmla="*/ 167145 w 2313526"/>
              <a:gd name="connsiteY0" fmla="*/ 0 h 1185422"/>
              <a:gd name="connsiteX1" fmla="*/ 1203080 w 2313526"/>
              <a:gd name="connsiteY1" fmla="*/ 0 h 1185422"/>
              <a:gd name="connsiteX2" fmla="*/ 2146381 w 2313526"/>
              <a:gd name="connsiteY2" fmla="*/ 0 h 1185422"/>
              <a:gd name="connsiteX3" fmla="*/ 2313525 w 2313526"/>
              <a:gd name="connsiteY3" fmla="*/ 0 h 1185422"/>
              <a:gd name="connsiteX4" fmla="*/ 2313525 w 2313526"/>
              <a:gd name="connsiteY4" fmla="*/ 167140 h 1185422"/>
              <a:gd name="connsiteX5" fmla="*/ 2313526 w 2313526"/>
              <a:gd name="connsiteY5" fmla="*/ 167145 h 1185422"/>
              <a:gd name="connsiteX6" fmla="*/ 2313526 w 2313526"/>
              <a:gd name="connsiteY6" fmla="*/ 1142153 h 1185422"/>
              <a:gd name="connsiteX7" fmla="*/ 2313525 w 2313526"/>
              <a:gd name="connsiteY7" fmla="*/ 1142158 h 1185422"/>
              <a:gd name="connsiteX8" fmla="*/ 2313525 w 2313526"/>
              <a:gd name="connsiteY8" fmla="*/ 1185422 h 1185422"/>
              <a:gd name="connsiteX9" fmla="*/ 1 w 2313526"/>
              <a:gd name="connsiteY9" fmla="*/ 1185422 h 1185422"/>
              <a:gd name="connsiteX10" fmla="*/ 1 w 2313526"/>
              <a:gd name="connsiteY10" fmla="*/ 1142158 h 1185422"/>
              <a:gd name="connsiteX11" fmla="*/ 0 w 2313526"/>
              <a:gd name="connsiteY11" fmla="*/ 1142153 h 1185422"/>
              <a:gd name="connsiteX12" fmla="*/ 0 w 2313526"/>
              <a:gd name="connsiteY12" fmla="*/ 167145 h 1185422"/>
              <a:gd name="connsiteX13" fmla="*/ 167145 w 2313526"/>
              <a:gd name="connsiteY13" fmla="*/ 0 h 11854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313526" h="1185422">
                <a:moveTo>
                  <a:pt x="167145" y="0"/>
                </a:moveTo>
                <a:lnTo>
                  <a:pt x="1203080" y="0"/>
                </a:lnTo>
                <a:lnTo>
                  <a:pt x="2146381" y="0"/>
                </a:lnTo>
                <a:lnTo>
                  <a:pt x="2313525" y="0"/>
                </a:lnTo>
                <a:lnTo>
                  <a:pt x="2313525" y="167140"/>
                </a:lnTo>
                <a:lnTo>
                  <a:pt x="2313526" y="167145"/>
                </a:lnTo>
                <a:lnTo>
                  <a:pt x="2313526" y="1142153"/>
                </a:lnTo>
                <a:lnTo>
                  <a:pt x="2313525" y="1142158"/>
                </a:lnTo>
                <a:lnTo>
                  <a:pt x="2313525" y="1185422"/>
                </a:lnTo>
                <a:lnTo>
                  <a:pt x="1" y="1185422"/>
                </a:lnTo>
                <a:lnTo>
                  <a:pt x="1" y="1142158"/>
                </a:lnTo>
                <a:lnTo>
                  <a:pt x="0" y="1142153"/>
                </a:lnTo>
                <a:lnTo>
                  <a:pt x="0" y="167145"/>
                </a:lnTo>
                <a:cubicBezTo>
                  <a:pt x="0" y="74833"/>
                  <a:pt x="74833" y="0"/>
                  <a:pt x="167145" y="0"/>
                </a:cubicBezTo>
                <a:close/>
              </a:path>
            </a:pathLst>
          </a:custGeom>
          <a:solidFill>
            <a:schemeClr val="accent1"/>
          </a:solidFill>
          <a:ln w="15875">
            <a:solidFill>
              <a:srgbClr val="38025C"/>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Freeform: Shape 13">
            <a:extLst>
              <a:ext uri="{FF2B5EF4-FFF2-40B4-BE49-F238E27FC236}">
                <a16:creationId xmlns:a16="http://schemas.microsoft.com/office/drawing/2014/main" id="{B25533A6-5841-A4BC-D9EB-4BC84547556A}"/>
              </a:ext>
            </a:extLst>
          </p:cNvPr>
          <p:cNvSpPr/>
          <p:nvPr userDrawn="1"/>
        </p:nvSpPr>
        <p:spPr>
          <a:xfrm>
            <a:off x="7213491" y="3438552"/>
            <a:ext cx="4978508" cy="2791037"/>
          </a:xfrm>
          <a:custGeom>
            <a:avLst/>
            <a:gdLst>
              <a:gd name="connsiteX0" fmla="*/ 189818 w 4978508"/>
              <a:gd name="connsiteY0" fmla="*/ 0 h 2791037"/>
              <a:gd name="connsiteX1" fmla="*/ 2952066 w 4978508"/>
              <a:gd name="connsiteY1" fmla="*/ 0 h 2791037"/>
              <a:gd name="connsiteX2" fmla="*/ 4897367 w 4978508"/>
              <a:gd name="connsiteY2" fmla="*/ 0 h 2791037"/>
              <a:gd name="connsiteX3" fmla="*/ 4978508 w 4978508"/>
              <a:gd name="connsiteY3" fmla="*/ 0 h 2791037"/>
              <a:gd name="connsiteX4" fmla="*/ 4978508 w 4978508"/>
              <a:gd name="connsiteY4" fmla="*/ 2790000 h 2791037"/>
              <a:gd name="connsiteX5" fmla="*/ 4907654 w 4978508"/>
              <a:gd name="connsiteY5" fmla="*/ 2790000 h 2791037"/>
              <a:gd name="connsiteX6" fmla="*/ 4897367 w 4978508"/>
              <a:gd name="connsiteY6" fmla="*/ 2791037 h 2791037"/>
              <a:gd name="connsiteX7" fmla="*/ 189818 w 4978508"/>
              <a:gd name="connsiteY7" fmla="*/ 2791037 h 2791037"/>
              <a:gd name="connsiteX8" fmla="*/ 0 w 4978508"/>
              <a:gd name="connsiteY8" fmla="*/ 2601219 h 2791037"/>
              <a:gd name="connsiteX9" fmla="*/ 0 w 4978508"/>
              <a:gd name="connsiteY9" fmla="*/ 189818 h 2791037"/>
              <a:gd name="connsiteX10" fmla="*/ 189818 w 4978508"/>
              <a:gd name="connsiteY10" fmla="*/ 0 h 2791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978508" h="2791037">
                <a:moveTo>
                  <a:pt x="189818" y="0"/>
                </a:moveTo>
                <a:lnTo>
                  <a:pt x="2952066" y="0"/>
                </a:lnTo>
                <a:lnTo>
                  <a:pt x="4897367" y="0"/>
                </a:lnTo>
                <a:lnTo>
                  <a:pt x="4978508" y="0"/>
                </a:lnTo>
                <a:lnTo>
                  <a:pt x="4978508" y="2790000"/>
                </a:lnTo>
                <a:lnTo>
                  <a:pt x="4907654" y="2790000"/>
                </a:lnTo>
                <a:lnTo>
                  <a:pt x="4897367" y="2791037"/>
                </a:lnTo>
                <a:lnTo>
                  <a:pt x="189818" y="2791037"/>
                </a:lnTo>
                <a:cubicBezTo>
                  <a:pt x="84984" y="2791037"/>
                  <a:pt x="0" y="2706053"/>
                  <a:pt x="0" y="2601219"/>
                </a:cubicBezTo>
                <a:lnTo>
                  <a:pt x="0" y="189818"/>
                </a:lnTo>
                <a:cubicBezTo>
                  <a:pt x="0" y="84984"/>
                  <a:pt x="84984" y="0"/>
                  <a:pt x="189818" y="0"/>
                </a:cubicBezTo>
                <a:close/>
              </a:path>
            </a:pathLst>
          </a:custGeom>
          <a:solidFill>
            <a:schemeClr val="bg1"/>
          </a:solid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01" name="Kombinationstegning: figur 100">
            <a:extLst>
              <a:ext uri="{FF2B5EF4-FFF2-40B4-BE49-F238E27FC236}">
                <a16:creationId xmlns:a16="http://schemas.microsoft.com/office/drawing/2014/main" id="{08BFB9B9-F32C-192D-99A4-E53272102434}"/>
              </a:ext>
            </a:extLst>
          </p:cNvPr>
          <p:cNvSpPr/>
          <p:nvPr userDrawn="1"/>
        </p:nvSpPr>
        <p:spPr>
          <a:xfrm>
            <a:off x="2996094" y="1524105"/>
            <a:ext cx="4512666" cy="1656915"/>
          </a:xfrm>
          <a:custGeom>
            <a:avLst/>
            <a:gdLst>
              <a:gd name="connsiteX0" fmla="*/ 158931 w 4512666"/>
              <a:gd name="connsiteY0" fmla="*/ 0 h 1656915"/>
              <a:gd name="connsiteX1" fmla="*/ 4353735 w 4512666"/>
              <a:gd name="connsiteY1" fmla="*/ 0 h 1656915"/>
              <a:gd name="connsiteX2" fmla="*/ 4512666 w 4512666"/>
              <a:gd name="connsiteY2" fmla="*/ 158931 h 1656915"/>
              <a:gd name="connsiteX3" fmla="*/ 4512666 w 4512666"/>
              <a:gd name="connsiteY3" fmla="*/ 990165 h 1656915"/>
              <a:gd name="connsiteX4" fmla="*/ 4512666 w 4512666"/>
              <a:gd name="connsiteY4" fmla="*/ 1497984 h 1656915"/>
              <a:gd name="connsiteX5" fmla="*/ 4512666 w 4512666"/>
              <a:gd name="connsiteY5" fmla="*/ 1656915 h 1656915"/>
              <a:gd name="connsiteX6" fmla="*/ 4353735 w 4512666"/>
              <a:gd name="connsiteY6" fmla="*/ 1656915 h 1656915"/>
              <a:gd name="connsiteX7" fmla="*/ 3741141 w 4512666"/>
              <a:gd name="connsiteY7" fmla="*/ 1656915 h 1656915"/>
              <a:gd name="connsiteX8" fmla="*/ 158931 w 4512666"/>
              <a:gd name="connsiteY8" fmla="*/ 1656915 h 1656915"/>
              <a:gd name="connsiteX9" fmla="*/ 0 w 4512666"/>
              <a:gd name="connsiteY9" fmla="*/ 1497984 h 1656915"/>
              <a:gd name="connsiteX10" fmla="*/ 0 w 4512666"/>
              <a:gd name="connsiteY10" fmla="*/ 158931 h 1656915"/>
              <a:gd name="connsiteX11" fmla="*/ 158931 w 4512666"/>
              <a:gd name="connsiteY11" fmla="*/ 0 h 1656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512666" h="1656915">
                <a:moveTo>
                  <a:pt x="158931" y="0"/>
                </a:moveTo>
                <a:lnTo>
                  <a:pt x="4353735" y="0"/>
                </a:lnTo>
                <a:cubicBezTo>
                  <a:pt x="4441510" y="0"/>
                  <a:pt x="4512666" y="71156"/>
                  <a:pt x="4512666" y="158931"/>
                </a:cubicBezTo>
                <a:lnTo>
                  <a:pt x="4512666" y="990165"/>
                </a:lnTo>
                <a:lnTo>
                  <a:pt x="4512666" y="1497984"/>
                </a:lnTo>
                <a:lnTo>
                  <a:pt x="4512666" y="1656915"/>
                </a:lnTo>
                <a:lnTo>
                  <a:pt x="4353735" y="1656915"/>
                </a:lnTo>
                <a:lnTo>
                  <a:pt x="3741141" y="1656915"/>
                </a:lnTo>
                <a:lnTo>
                  <a:pt x="158931" y="1656915"/>
                </a:lnTo>
                <a:cubicBezTo>
                  <a:pt x="71156" y="1656915"/>
                  <a:pt x="0" y="1585759"/>
                  <a:pt x="0" y="1497984"/>
                </a:cubicBezTo>
                <a:lnTo>
                  <a:pt x="0" y="158931"/>
                </a:lnTo>
                <a:cubicBezTo>
                  <a:pt x="0" y="71156"/>
                  <a:pt x="71156" y="0"/>
                  <a:pt x="158931"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0" name="Freeform: Shape 9">
            <a:extLst>
              <a:ext uri="{FF2B5EF4-FFF2-40B4-BE49-F238E27FC236}">
                <a16:creationId xmlns:a16="http://schemas.microsoft.com/office/drawing/2014/main" id="{78C65111-0D27-639E-EDD8-E12C1BEF8558}"/>
              </a:ext>
            </a:extLst>
          </p:cNvPr>
          <p:cNvSpPr/>
          <p:nvPr userDrawn="1"/>
        </p:nvSpPr>
        <p:spPr>
          <a:xfrm>
            <a:off x="0" y="0"/>
            <a:ext cx="2746356" cy="3171633"/>
          </a:xfrm>
          <a:custGeom>
            <a:avLst/>
            <a:gdLst>
              <a:gd name="connsiteX0" fmla="*/ 0 w 2746356"/>
              <a:gd name="connsiteY0" fmla="*/ 0 h 3171633"/>
              <a:gd name="connsiteX1" fmla="*/ 2746356 w 2746356"/>
              <a:gd name="connsiteY1" fmla="*/ 0 h 3171633"/>
              <a:gd name="connsiteX2" fmla="*/ 2746356 w 2746356"/>
              <a:gd name="connsiteY2" fmla="*/ 419000 h 3171633"/>
              <a:gd name="connsiteX3" fmla="*/ 2746355 w 2746356"/>
              <a:gd name="connsiteY3" fmla="*/ 419000 h 3171633"/>
              <a:gd name="connsiteX4" fmla="*/ 2746355 w 2746356"/>
              <a:gd name="connsiteY4" fmla="*/ 2989328 h 3171633"/>
              <a:gd name="connsiteX5" fmla="*/ 2564051 w 2746356"/>
              <a:gd name="connsiteY5" fmla="*/ 3171632 h 3171633"/>
              <a:gd name="connsiteX6" fmla="*/ 417450 w 2746356"/>
              <a:gd name="connsiteY6" fmla="*/ 3171632 h 3171633"/>
              <a:gd name="connsiteX7" fmla="*/ 417450 w 2746356"/>
              <a:gd name="connsiteY7" fmla="*/ 3171633 h 3171633"/>
              <a:gd name="connsiteX8" fmla="*/ 0 w 2746356"/>
              <a:gd name="connsiteY8" fmla="*/ 3171633 h 31716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6356" h="3171633">
                <a:moveTo>
                  <a:pt x="0" y="0"/>
                </a:moveTo>
                <a:lnTo>
                  <a:pt x="2746356" y="0"/>
                </a:lnTo>
                <a:lnTo>
                  <a:pt x="2746356" y="419000"/>
                </a:lnTo>
                <a:lnTo>
                  <a:pt x="2746355" y="419000"/>
                </a:lnTo>
                <a:lnTo>
                  <a:pt x="2746355" y="2989328"/>
                </a:lnTo>
                <a:cubicBezTo>
                  <a:pt x="2746355" y="3090012"/>
                  <a:pt x="2664735" y="3171632"/>
                  <a:pt x="2564051" y="3171632"/>
                </a:cubicBezTo>
                <a:lnTo>
                  <a:pt x="417450" y="3171632"/>
                </a:lnTo>
                <a:lnTo>
                  <a:pt x="417450" y="3171633"/>
                </a:lnTo>
                <a:lnTo>
                  <a:pt x="0" y="3171633"/>
                </a:ln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24" name="Rectangle: Rounded Corners 6">
            <a:extLst>
              <a:ext uri="{FF2B5EF4-FFF2-40B4-BE49-F238E27FC236}">
                <a16:creationId xmlns:a16="http://schemas.microsoft.com/office/drawing/2014/main" id="{5EBC8348-21D0-9C68-0D0B-4E2FD2EB8293}"/>
              </a:ext>
            </a:extLst>
          </p:cNvPr>
          <p:cNvSpPr/>
          <p:nvPr userDrawn="1"/>
        </p:nvSpPr>
        <p:spPr>
          <a:xfrm>
            <a:off x="5283708" y="3438552"/>
            <a:ext cx="1670584" cy="1976493"/>
          </a:xfrm>
          <a:prstGeom prst="roundRect">
            <a:avLst>
              <a:gd name="adj" fmla="val 8947"/>
            </a:avLst>
          </a:prstGeom>
          <a:noFill/>
          <a:ln w="158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nvGrpSpPr>
          <p:cNvPr id="125" name="Group 16">
            <a:extLst>
              <a:ext uri="{FF2B5EF4-FFF2-40B4-BE49-F238E27FC236}">
                <a16:creationId xmlns:a16="http://schemas.microsoft.com/office/drawing/2014/main" id="{2183D9D5-BB0C-1F7E-9DDD-0E9320A0246A}"/>
              </a:ext>
            </a:extLst>
          </p:cNvPr>
          <p:cNvGrpSpPr/>
          <p:nvPr userDrawn="1"/>
        </p:nvGrpSpPr>
        <p:grpSpPr>
          <a:xfrm>
            <a:off x="-1" y="3438552"/>
            <a:ext cx="5024505" cy="1976493"/>
            <a:chOff x="7949655" y="1759240"/>
            <a:chExt cx="1639111" cy="1532511"/>
          </a:xfrm>
          <a:solidFill>
            <a:srgbClr val="F68D2E"/>
          </a:solidFill>
        </p:grpSpPr>
        <p:sp>
          <p:nvSpPr>
            <p:cNvPr id="126" name="Rectangle: Rounded Corners 17">
              <a:extLst>
                <a:ext uri="{FF2B5EF4-FFF2-40B4-BE49-F238E27FC236}">
                  <a16:creationId xmlns:a16="http://schemas.microsoft.com/office/drawing/2014/main" id="{11DF771D-BDC7-951A-E008-8F0D92749B56}"/>
                </a:ext>
              </a:extLst>
            </p:cNvPr>
            <p:cNvSpPr/>
            <p:nvPr/>
          </p:nvSpPr>
          <p:spPr>
            <a:xfrm>
              <a:off x="7949655" y="1759240"/>
              <a:ext cx="1639111" cy="1532511"/>
            </a:xfrm>
            <a:prstGeom prst="roundRect">
              <a:avLst>
                <a:gd name="adj" fmla="val 8127"/>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127" name="Rectangle 18">
              <a:extLst>
                <a:ext uri="{FF2B5EF4-FFF2-40B4-BE49-F238E27FC236}">
                  <a16:creationId xmlns:a16="http://schemas.microsoft.com/office/drawing/2014/main" id="{F2C02440-8E00-B5FA-BFDD-3A391A4D4FDE}"/>
                </a:ext>
              </a:extLst>
            </p:cNvPr>
            <p:cNvSpPr/>
            <p:nvPr/>
          </p:nvSpPr>
          <p:spPr>
            <a:xfrm>
              <a:off x="7949655" y="1759240"/>
              <a:ext cx="1639111"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28" name="Rectangle 14">
              <a:extLst>
                <a:ext uri="{FF2B5EF4-FFF2-40B4-BE49-F238E27FC236}">
                  <a16:creationId xmlns:a16="http://schemas.microsoft.com/office/drawing/2014/main" id="{CF46447D-E921-4E77-CFF8-85D1BA1132BD}"/>
                </a:ext>
              </a:extLst>
            </p:cNvPr>
            <p:cNvSpPr/>
            <p:nvPr/>
          </p:nvSpPr>
          <p:spPr>
            <a:xfrm>
              <a:off x="7949655" y="2007031"/>
              <a:ext cx="1355322"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29" name="Freeform: Shape 8">
            <a:extLst>
              <a:ext uri="{FF2B5EF4-FFF2-40B4-BE49-F238E27FC236}">
                <a16:creationId xmlns:a16="http://schemas.microsoft.com/office/drawing/2014/main" id="{E5C54FDE-EEFF-701F-69E3-8308F636AF53}"/>
              </a:ext>
            </a:extLst>
          </p:cNvPr>
          <p:cNvSpPr/>
          <p:nvPr userDrawn="1"/>
        </p:nvSpPr>
        <p:spPr>
          <a:xfrm>
            <a:off x="5283707" y="3438552"/>
            <a:ext cx="1521117" cy="1976493"/>
          </a:xfrm>
          <a:custGeom>
            <a:avLst/>
            <a:gdLst>
              <a:gd name="connsiteX0" fmla="*/ 0 w 1670584"/>
              <a:gd name="connsiteY0" fmla="*/ 0 h 1976493"/>
              <a:gd name="connsiteX1" fmla="*/ 149467 w 1670584"/>
              <a:gd name="connsiteY1" fmla="*/ 0 h 1976493"/>
              <a:gd name="connsiteX2" fmla="*/ 1280462 w 1670584"/>
              <a:gd name="connsiteY2" fmla="*/ 0 h 1976493"/>
              <a:gd name="connsiteX3" fmla="*/ 1521117 w 1670584"/>
              <a:gd name="connsiteY3" fmla="*/ 0 h 1976493"/>
              <a:gd name="connsiteX4" fmla="*/ 1670584 w 1670584"/>
              <a:gd name="connsiteY4" fmla="*/ 149467 h 1976493"/>
              <a:gd name="connsiteX5" fmla="*/ 1670584 w 1670584"/>
              <a:gd name="connsiteY5" fmla="*/ 1827026 h 1976493"/>
              <a:gd name="connsiteX6" fmla="*/ 1521117 w 1670584"/>
              <a:gd name="connsiteY6" fmla="*/ 1976493 h 1976493"/>
              <a:gd name="connsiteX7" fmla="*/ 149467 w 1670584"/>
              <a:gd name="connsiteY7" fmla="*/ 1976493 h 1976493"/>
              <a:gd name="connsiteX8" fmla="*/ 0 w 1670584"/>
              <a:gd name="connsiteY8" fmla="*/ 1827026 h 1976493"/>
              <a:gd name="connsiteX9" fmla="*/ 0 w 1670584"/>
              <a:gd name="connsiteY9" fmla="*/ 1552142 h 1976493"/>
              <a:gd name="connsiteX10" fmla="*/ 0 w 1670584"/>
              <a:gd name="connsiteY10" fmla="*/ 149467 h 1976493"/>
              <a:gd name="connsiteX0" fmla="*/ 1670584 w 1762024"/>
              <a:gd name="connsiteY0" fmla="*/ 149467 h 1976493"/>
              <a:gd name="connsiteX1" fmla="*/ 1670584 w 1762024"/>
              <a:gd name="connsiteY1" fmla="*/ 1827026 h 1976493"/>
              <a:gd name="connsiteX2" fmla="*/ 1521117 w 1762024"/>
              <a:gd name="connsiteY2" fmla="*/ 1976493 h 1976493"/>
              <a:gd name="connsiteX3" fmla="*/ 149467 w 1762024"/>
              <a:gd name="connsiteY3" fmla="*/ 1976493 h 1976493"/>
              <a:gd name="connsiteX4" fmla="*/ 0 w 1762024"/>
              <a:gd name="connsiteY4" fmla="*/ 1827026 h 1976493"/>
              <a:gd name="connsiteX5" fmla="*/ 0 w 1762024"/>
              <a:gd name="connsiteY5" fmla="*/ 1552142 h 1976493"/>
              <a:gd name="connsiteX6" fmla="*/ 0 w 1762024"/>
              <a:gd name="connsiteY6" fmla="*/ 149467 h 1976493"/>
              <a:gd name="connsiteX7" fmla="*/ 0 w 1762024"/>
              <a:gd name="connsiteY7" fmla="*/ 0 h 1976493"/>
              <a:gd name="connsiteX8" fmla="*/ 149467 w 1762024"/>
              <a:gd name="connsiteY8" fmla="*/ 0 h 1976493"/>
              <a:gd name="connsiteX9" fmla="*/ 1280462 w 1762024"/>
              <a:gd name="connsiteY9" fmla="*/ 0 h 1976493"/>
              <a:gd name="connsiteX10" fmla="*/ 1521117 w 1762024"/>
              <a:gd name="connsiteY10" fmla="*/ 0 h 1976493"/>
              <a:gd name="connsiteX11" fmla="*/ 1762024 w 1762024"/>
              <a:gd name="connsiteY11" fmla="*/ 240907 h 1976493"/>
              <a:gd name="connsiteX0" fmla="*/ 1670584 w 1670584"/>
              <a:gd name="connsiteY0" fmla="*/ 149467 h 1976493"/>
              <a:gd name="connsiteX1" fmla="*/ 1670584 w 1670584"/>
              <a:gd name="connsiteY1" fmla="*/ 1827026 h 1976493"/>
              <a:gd name="connsiteX2" fmla="*/ 1521117 w 1670584"/>
              <a:gd name="connsiteY2" fmla="*/ 1976493 h 1976493"/>
              <a:gd name="connsiteX3" fmla="*/ 149467 w 1670584"/>
              <a:gd name="connsiteY3" fmla="*/ 1976493 h 1976493"/>
              <a:gd name="connsiteX4" fmla="*/ 0 w 1670584"/>
              <a:gd name="connsiteY4" fmla="*/ 1827026 h 1976493"/>
              <a:gd name="connsiteX5" fmla="*/ 0 w 1670584"/>
              <a:gd name="connsiteY5" fmla="*/ 1552142 h 1976493"/>
              <a:gd name="connsiteX6" fmla="*/ 0 w 1670584"/>
              <a:gd name="connsiteY6" fmla="*/ 149467 h 1976493"/>
              <a:gd name="connsiteX7" fmla="*/ 0 w 1670584"/>
              <a:gd name="connsiteY7" fmla="*/ 0 h 1976493"/>
              <a:gd name="connsiteX8" fmla="*/ 149467 w 1670584"/>
              <a:gd name="connsiteY8" fmla="*/ 0 h 1976493"/>
              <a:gd name="connsiteX9" fmla="*/ 1280462 w 1670584"/>
              <a:gd name="connsiteY9" fmla="*/ 0 h 1976493"/>
              <a:gd name="connsiteX10" fmla="*/ 1521117 w 1670584"/>
              <a:gd name="connsiteY10" fmla="*/ 0 h 1976493"/>
              <a:gd name="connsiteX0" fmla="*/ 1670584 w 1670584"/>
              <a:gd name="connsiteY0" fmla="*/ 1827026 h 1976493"/>
              <a:gd name="connsiteX1" fmla="*/ 1521117 w 1670584"/>
              <a:gd name="connsiteY1" fmla="*/ 1976493 h 1976493"/>
              <a:gd name="connsiteX2" fmla="*/ 149467 w 1670584"/>
              <a:gd name="connsiteY2" fmla="*/ 1976493 h 1976493"/>
              <a:gd name="connsiteX3" fmla="*/ 0 w 1670584"/>
              <a:gd name="connsiteY3" fmla="*/ 1827026 h 1976493"/>
              <a:gd name="connsiteX4" fmla="*/ 0 w 1670584"/>
              <a:gd name="connsiteY4" fmla="*/ 1552142 h 1976493"/>
              <a:gd name="connsiteX5" fmla="*/ 0 w 1670584"/>
              <a:gd name="connsiteY5" fmla="*/ 149467 h 1976493"/>
              <a:gd name="connsiteX6" fmla="*/ 0 w 1670584"/>
              <a:gd name="connsiteY6" fmla="*/ 0 h 1976493"/>
              <a:gd name="connsiteX7" fmla="*/ 149467 w 1670584"/>
              <a:gd name="connsiteY7" fmla="*/ 0 h 1976493"/>
              <a:gd name="connsiteX8" fmla="*/ 1280462 w 1670584"/>
              <a:gd name="connsiteY8" fmla="*/ 0 h 1976493"/>
              <a:gd name="connsiteX9" fmla="*/ 1521117 w 1670584"/>
              <a:gd name="connsiteY9" fmla="*/ 0 h 1976493"/>
              <a:gd name="connsiteX0" fmla="*/ 1521117 w 1521117"/>
              <a:gd name="connsiteY0" fmla="*/ 1976493 h 1976493"/>
              <a:gd name="connsiteX1" fmla="*/ 149467 w 1521117"/>
              <a:gd name="connsiteY1" fmla="*/ 1976493 h 1976493"/>
              <a:gd name="connsiteX2" fmla="*/ 0 w 1521117"/>
              <a:gd name="connsiteY2" fmla="*/ 1827026 h 1976493"/>
              <a:gd name="connsiteX3" fmla="*/ 0 w 1521117"/>
              <a:gd name="connsiteY3" fmla="*/ 1552142 h 1976493"/>
              <a:gd name="connsiteX4" fmla="*/ 0 w 1521117"/>
              <a:gd name="connsiteY4" fmla="*/ 149467 h 1976493"/>
              <a:gd name="connsiteX5" fmla="*/ 0 w 1521117"/>
              <a:gd name="connsiteY5" fmla="*/ 0 h 1976493"/>
              <a:gd name="connsiteX6" fmla="*/ 149467 w 1521117"/>
              <a:gd name="connsiteY6" fmla="*/ 0 h 1976493"/>
              <a:gd name="connsiteX7" fmla="*/ 1280462 w 1521117"/>
              <a:gd name="connsiteY7" fmla="*/ 0 h 1976493"/>
              <a:gd name="connsiteX8" fmla="*/ 1521117 w 1521117"/>
              <a:gd name="connsiteY8" fmla="*/ 0 h 19764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521117" h="1976493">
                <a:moveTo>
                  <a:pt x="1521117" y="1976493"/>
                </a:moveTo>
                <a:lnTo>
                  <a:pt x="149467" y="1976493"/>
                </a:lnTo>
                <a:cubicBezTo>
                  <a:pt x="66919" y="1976493"/>
                  <a:pt x="0" y="1909574"/>
                  <a:pt x="0" y="1827026"/>
                </a:cubicBezTo>
                <a:lnTo>
                  <a:pt x="0" y="1552142"/>
                </a:lnTo>
                <a:lnTo>
                  <a:pt x="0" y="149467"/>
                </a:lnTo>
                <a:lnTo>
                  <a:pt x="0" y="0"/>
                </a:lnTo>
                <a:lnTo>
                  <a:pt x="149467" y="0"/>
                </a:lnTo>
                <a:lnTo>
                  <a:pt x="1280462" y="0"/>
                </a:lnTo>
                <a:lnTo>
                  <a:pt x="1521117" y="0"/>
                </a:lnTo>
              </a:path>
            </a:pathLst>
          </a:custGeom>
          <a:solidFill>
            <a:schemeClr val="bg2"/>
          </a:solidFill>
          <a:ln w="158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9" y="647999"/>
            <a:ext cx="6246514" cy="2052000"/>
          </a:xfrm>
        </p:spPr>
        <p:txBody>
          <a:bodyPr anchor="t" anchorCtr="0"/>
          <a:lstStyle>
            <a:lvl1pPr algn="l">
              <a:defRPr sz="4800">
                <a:solidFill>
                  <a:schemeClr val="accent1"/>
                </a:solidFill>
              </a:defRPr>
            </a:lvl1pPr>
          </a:lstStyle>
          <a:p>
            <a:r>
              <a:rPr lang="da-DK" dirty="0"/>
              <a:t>Klik for at indsætte overskrift – max. tre linjer</a:t>
            </a:r>
          </a:p>
        </p:txBody>
      </p:sp>
      <p:pic>
        <p:nvPicPr>
          <p:cNvPr id="1874838042" name="Dynamic cover logo lilla" descr="{&quot;templafy&quot;:{&quot;id&quot;:&quot;46784b32-ac3c-4d5a-91fb-8390338e61eb&quot;}}"/>
          <p:cNvPicPr>
            <a:picLocks noChangeAspect="1"/>
          </p:cNvPicPr>
          <p:nvPr/>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2274357727"/>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2800"/>
                                  </p:stCondLst>
                                  <p:childTnLst>
                                    <p:animMotion origin="layout" path="M 2.29167E-6 7.40741E-7 L 2.29167E-6 0.03356 " pathEditMode="relative" rAng="0" ptsTypes="AA">
                                      <p:cBhvr>
                                        <p:cTn id="6" dur="6000" fill="hold"/>
                                        <p:tgtEl>
                                          <p:spTgt spid="40"/>
                                        </p:tgtEl>
                                        <p:attrNameLst>
                                          <p:attrName>ppt_x</p:attrName>
                                          <p:attrName>ppt_y</p:attrName>
                                        </p:attrNameLst>
                                      </p:cBhvr>
                                      <p:rCtr x="0" y="1667"/>
                                    </p:animMotion>
                                  </p:childTnLst>
                                </p:cTn>
                              </p:par>
                              <p:par>
                                <p:cTn id="7" presetID="42" presetClass="path" presetSubtype="0" repeatCount="indefinite" accel="50000" decel="50000" autoRev="1" fill="hold" grpId="0" nodeType="withEffect">
                                  <p:stCondLst>
                                    <p:cond delay="1700"/>
                                  </p:stCondLst>
                                  <p:childTnLst>
                                    <p:animMotion origin="layout" path="M 1.45833E-6 -3.7037E-6 L -0.00013 -0.1 " pathEditMode="relative" rAng="0" ptsTypes="AA">
                                      <p:cBhvr>
                                        <p:cTn id="8" dur="6750" fill="hold"/>
                                        <p:tgtEl>
                                          <p:spTgt spid="41"/>
                                        </p:tgtEl>
                                        <p:attrNameLst>
                                          <p:attrName>ppt_x</p:attrName>
                                          <p:attrName>ppt_y</p:attrName>
                                        </p:attrNameLst>
                                      </p:cBhvr>
                                      <p:rCtr x="-13" y="-5000"/>
                                    </p:animMotion>
                                  </p:childTnLst>
                                </p:cTn>
                              </p:par>
                              <p:par>
                                <p:cTn id="9" presetID="42" presetClass="path" presetSubtype="0" repeatCount="indefinite" accel="68000" decel="14000" autoRev="1" fill="hold" nodeType="withEffect">
                                  <p:stCondLst>
                                    <p:cond delay="0"/>
                                  </p:stCondLst>
                                  <p:childTnLst>
                                    <p:animMotion origin="layout" path="M 4.16667E-7 -3.7037E-7 L -0.0931 -3.7037E-7 " pathEditMode="relative" rAng="0" ptsTypes="AA">
                                      <p:cBhvr>
                                        <p:cTn id="10" dur="5500" fill="hold"/>
                                        <p:tgtEl>
                                          <p:spTgt spid="125"/>
                                        </p:tgtEl>
                                        <p:attrNameLst>
                                          <p:attrName>ppt_x</p:attrName>
                                          <p:attrName>ppt_y</p:attrName>
                                        </p:attrNameLst>
                                      </p:cBhvr>
                                      <p:rCtr x="-4661" y="0"/>
                                    </p:animMotion>
                                  </p:childTnLst>
                                </p:cTn>
                              </p:par>
                              <p:par>
                                <p:cTn id="11" presetID="42" presetClass="path" presetSubtype="0" repeatCount="indefinite" accel="68000" decel="14000" autoRev="1" fill="hold" grpId="0" nodeType="withEffect">
                                  <p:stCondLst>
                                    <p:cond delay="0"/>
                                  </p:stCondLst>
                                  <p:childTnLst>
                                    <p:animMotion origin="layout" path="M -3.125E-6 -3.7037E-7 L -0.0931 -3.7037E-7 " pathEditMode="relative" rAng="0" ptsTypes="AA">
                                      <p:cBhvr>
                                        <p:cTn id="12" dur="5500" fill="hold"/>
                                        <p:tgtEl>
                                          <p:spTgt spid="129"/>
                                        </p:tgtEl>
                                        <p:attrNameLst>
                                          <p:attrName>ppt_x</p:attrName>
                                          <p:attrName>ppt_y</p:attrName>
                                        </p:attrNameLst>
                                      </p:cBhvr>
                                      <p:rCtr x="-4661"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0" grpId="0" animBg="1"/>
      <p:bldP spid="41" grpId="0" animBg="1"/>
      <p:bldP spid="129" grpId="0" animBg="1"/>
    </p:bldLst>
  </p:timing>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Forside med billede animation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B8B07CA3-2C59-4ADB-B7C9-DF67464564EF}" type="datetime2">
              <a:rPr lang="da-DK" smtClean="0"/>
              <a:t>11.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32" name="Kombinationstegning: figur 31">
            <a:extLst>
              <a:ext uri="{FF2B5EF4-FFF2-40B4-BE49-F238E27FC236}">
                <a16:creationId xmlns:a16="http://schemas.microsoft.com/office/drawing/2014/main" id="{58E431ED-E98C-0B05-A685-B8623369B24F}"/>
              </a:ext>
            </a:extLst>
          </p:cNvPr>
          <p:cNvSpPr/>
          <p:nvPr userDrawn="1"/>
        </p:nvSpPr>
        <p:spPr>
          <a:xfrm>
            <a:off x="6822141" y="4204446"/>
            <a:ext cx="5369859" cy="2656745"/>
          </a:xfrm>
          <a:custGeom>
            <a:avLst/>
            <a:gdLst>
              <a:gd name="connsiteX0" fmla="*/ 186052 w 5369859"/>
              <a:gd name="connsiteY0" fmla="*/ 0 h 2656745"/>
              <a:gd name="connsiteX1" fmla="*/ 662859 w 5369859"/>
              <a:gd name="connsiteY1" fmla="*/ 0 h 2656745"/>
              <a:gd name="connsiteX2" fmla="*/ 5183807 w 5369859"/>
              <a:gd name="connsiteY2" fmla="*/ 0 h 2656745"/>
              <a:gd name="connsiteX3" fmla="*/ 5369859 w 5369859"/>
              <a:gd name="connsiteY3" fmla="*/ 0 h 2656745"/>
              <a:gd name="connsiteX4" fmla="*/ 5369859 w 5369859"/>
              <a:gd name="connsiteY4" fmla="*/ 186052 h 2656745"/>
              <a:gd name="connsiteX5" fmla="*/ 5369859 w 5369859"/>
              <a:gd name="connsiteY5" fmla="*/ 429570 h 2656745"/>
              <a:gd name="connsiteX6" fmla="*/ 5369859 w 5369859"/>
              <a:gd name="connsiteY6" fmla="*/ 2470693 h 2656745"/>
              <a:gd name="connsiteX7" fmla="*/ 5369859 w 5369859"/>
              <a:gd name="connsiteY7" fmla="*/ 2656745 h 2656745"/>
              <a:gd name="connsiteX8" fmla="*/ 5183807 w 5369859"/>
              <a:gd name="connsiteY8" fmla="*/ 2656745 h 2656745"/>
              <a:gd name="connsiteX9" fmla="*/ 186052 w 5369859"/>
              <a:gd name="connsiteY9" fmla="*/ 2656745 h 2656745"/>
              <a:gd name="connsiteX10" fmla="*/ 0 w 5369859"/>
              <a:gd name="connsiteY10" fmla="*/ 2656745 h 2656745"/>
              <a:gd name="connsiteX11" fmla="*/ 0 w 5369859"/>
              <a:gd name="connsiteY11" fmla="*/ 2470693 h 2656745"/>
              <a:gd name="connsiteX12" fmla="*/ 0 w 5369859"/>
              <a:gd name="connsiteY12" fmla="*/ 429570 h 2656745"/>
              <a:gd name="connsiteX13" fmla="*/ 0 w 5369859"/>
              <a:gd name="connsiteY13" fmla="*/ 186052 h 2656745"/>
              <a:gd name="connsiteX14" fmla="*/ 186052 w 5369859"/>
              <a:gd name="connsiteY14" fmla="*/ 0 h 2656745"/>
              <a:gd name="connsiteX0" fmla="*/ 5369859 w 5461299"/>
              <a:gd name="connsiteY0" fmla="*/ 186052 h 2656745"/>
              <a:gd name="connsiteX1" fmla="*/ 5369859 w 5461299"/>
              <a:gd name="connsiteY1" fmla="*/ 429570 h 2656745"/>
              <a:gd name="connsiteX2" fmla="*/ 5369859 w 5461299"/>
              <a:gd name="connsiteY2" fmla="*/ 2470693 h 2656745"/>
              <a:gd name="connsiteX3" fmla="*/ 5369859 w 5461299"/>
              <a:gd name="connsiteY3" fmla="*/ 2656745 h 2656745"/>
              <a:gd name="connsiteX4" fmla="*/ 5183807 w 5461299"/>
              <a:gd name="connsiteY4" fmla="*/ 2656745 h 2656745"/>
              <a:gd name="connsiteX5" fmla="*/ 186052 w 5461299"/>
              <a:gd name="connsiteY5" fmla="*/ 2656745 h 2656745"/>
              <a:gd name="connsiteX6" fmla="*/ 0 w 5461299"/>
              <a:gd name="connsiteY6" fmla="*/ 2656745 h 2656745"/>
              <a:gd name="connsiteX7" fmla="*/ 0 w 5461299"/>
              <a:gd name="connsiteY7" fmla="*/ 2470693 h 2656745"/>
              <a:gd name="connsiteX8" fmla="*/ 0 w 5461299"/>
              <a:gd name="connsiteY8" fmla="*/ 429570 h 2656745"/>
              <a:gd name="connsiteX9" fmla="*/ 0 w 5461299"/>
              <a:gd name="connsiteY9" fmla="*/ 186052 h 2656745"/>
              <a:gd name="connsiteX10" fmla="*/ 186052 w 5461299"/>
              <a:gd name="connsiteY10" fmla="*/ 0 h 2656745"/>
              <a:gd name="connsiteX11" fmla="*/ 662859 w 5461299"/>
              <a:gd name="connsiteY11" fmla="*/ 0 h 2656745"/>
              <a:gd name="connsiteX12" fmla="*/ 5183807 w 5461299"/>
              <a:gd name="connsiteY12" fmla="*/ 0 h 2656745"/>
              <a:gd name="connsiteX13" fmla="*/ 5369859 w 5461299"/>
              <a:gd name="connsiteY13" fmla="*/ 0 h 2656745"/>
              <a:gd name="connsiteX14" fmla="*/ 5461299 w 5461299"/>
              <a:gd name="connsiteY14" fmla="*/ 277492 h 2656745"/>
              <a:gd name="connsiteX0" fmla="*/ 5369859 w 5461299"/>
              <a:gd name="connsiteY0" fmla="*/ 429570 h 2656745"/>
              <a:gd name="connsiteX1" fmla="*/ 5369859 w 5461299"/>
              <a:gd name="connsiteY1" fmla="*/ 2470693 h 2656745"/>
              <a:gd name="connsiteX2" fmla="*/ 5369859 w 5461299"/>
              <a:gd name="connsiteY2" fmla="*/ 2656745 h 2656745"/>
              <a:gd name="connsiteX3" fmla="*/ 5183807 w 5461299"/>
              <a:gd name="connsiteY3" fmla="*/ 2656745 h 2656745"/>
              <a:gd name="connsiteX4" fmla="*/ 186052 w 5461299"/>
              <a:gd name="connsiteY4" fmla="*/ 2656745 h 2656745"/>
              <a:gd name="connsiteX5" fmla="*/ 0 w 5461299"/>
              <a:gd name="connsiteY5" fmla="*/ 2656745 h 2656745"/>
              <a:gd name="connsiteX6" fmla="*/ 0 w 5461299"/>
              <a:gd name="connsiteY6" fmla="*/ 2470693 h 2656745"/>
              <a:gd name="connsiteX7" fmla="*/ 0 w 5461299"/>
              <a:gd name="connsiteY7" fmla="*/ 429570 h 2656745"/>
              <a:gd name="connsiteX8" fmla="*/ 0 w 5461299"/>
              <a:gd name="connsiteY8" fmla="*/ 186052 h 2656745"/>
              <a:gd name="connsiteX9" fmla="*/ 186052 w 5461299"/>
              <a:gd name="connsiteY9" fmla="*/ 0 h 2656745"/>
              <a:gd name="connsiteX10" fmla="*/ 662859 w 5461299"/>
              <a:gd name="connsiteY10" fmla="*/ 0 h 2656745"/>
              <a:gd name="connsiteX11" fmla="*/ 5183807 w 5461299"/>
              <a:gd name="connsiteY11" fmla="*/ 0 h 2656745"/>
              <a:gd name="connsiteX12" fmla="*/ 5369859 w 5461299"/>
              <a:gd name="connsiteY12" fmla="*/ 0 h 2656745"/>
              <a:gd name="connsiteX13" fmla="*/ 5461299 w 5461299"/>
              <a:gd name="connsiteY13" fmla="*/ 277492 h 2656745"/>
              <a:gd name="connsiteX0" fmla="*/ 5369859 w 5369859"/>
              <a:gd name="connsiteY0" fmla="*/ 429570 h 2656745"/>
              <a:gd name="connsiteX1" fmla="*/ 5369859 w 5369859"/>
              <a:gd name="connsiteY1" fmla="*/ 2470693 h 2656745"/>
              <a:gd name="connsiteX2" fmla="*/ 5369859 w 5369859"/>
              <a:gd name="connsiteY2" fmla="*/ 2656745 h 2656745"/>
              <a:gd name="connsiteX3" fmla="*/ 5183807 w 5369859"/>
              <a:gd name="connsiteY3" fmla="*/ 2656745 h 2656745"/>
              <a:gd name="connsiteX4" fmla="*/ 186052 w 5369859"/>
              <a:gd name="connsiteY4" fmla="*/ 2656745 h 2656745"/>
              <a:gd name="connsiteX5" fmla="*/ 0 w 5369859"/>
              <a:gd name="connsiteY5" fmla="*/ 2656745 h 2656745"/>
              <a:gd name="connsiteX6" fmla="*/ 0 w 5369859"/>
              <a:gd name="connsiteY6" fmla="*/ 2470693 h 2656745"/>
              <a:gd name="connsiteX7" fmla="*/ 0 w 5369859"/>
              <a:gd name="connsiteY7" fmla="*/ 429570 h 2656745"/>
              <a:gd name="connsiteX8" fmla="*/ 0 w 5369859"/>
              <a:gd name="connsiteY8" fmla="*/ 186052 h 2656745"/>
              <a:gd name="connsiteX9" fmla="*/ 186052 w 5369859"/>
              <a:gd name="connsiteY9" fmla="*/ 0 h 2656745"/>
              <a:gd name="connsiteX10" fmla="*/ 662859 w 5369859"/>
              <a:gd name="connsiteY10" fmla="*/ 0 h 2656745"/>
              <a:gd name="connsiteX11" fmla="*/ 5183807 w 5369859"/>
              <a:gd name="connsiteY11" fmla="*/ 0 h 2656745"/>
              <a:gd name="connsiteX12" fmla="*/ 5369859 w 5369859"/>
              <a:gd name="connsiteY12" fmla="*/ 0 h 2656745"/>
              <a:gd name="connsiteX0" fmla="*/ 5369859 w 5369859"/>
              <a:gd name="connsiteY0" fmla="*/ 2470693 h 2656745"/>
              <a:gd name="connsiteX1" fmla="*/ 5369859 w 5369859"/>
              <a:gd name="connsiteY1" fmla="*/ 2656745 h 2656745"/>
              <a:gd name="connsiteX2" fmla="*/ 5183807 w 5369859"/>
              <a:gd name="connsiteY2" fmla="*/ 2656745 h 2656745"/>
              <a:gd name="connsiteX3" fmla="*/ 186052 w 5369859"/>
              <a:gd name="connsiteY3" fmla="*/ 2656745 h 2656745"/>
              <a:gd name="connsiteX4" fmla="*/ 0 w 5369859"/>
              <a:gd name="connsiteY4" fmla="*/ 2656745 h 2656745"/>
              <a:gd name="connsiteX5" fmla="*/ 0 w 5369859"/>
              <a:gd name="connsiteY5" fmla="*/ 2470693 h 2656745"/>
              <a:gd name="connsiteX6" fmla="*/ 0 w 5369859"/>
              <a:gd name="connsiteY6" fmla="*/ 429570 h 2656745"/>
              <a:gd name="connsiteX7" fmla="*/ 0 w 5369859"/>
              <a:gd name="connsiteY7" fmla="*/ 186052 h 2656745"/>
              <a:gd name="connsiteX8" fmla="*/ 186052 w 5369859"/>
              <a:gd name="connsiteY8" fmla="*/ 0 h 2656745"/>
              <a:gd name="connsiteX9" fmla="*/ 662859 w 5369859"/>
              <a:gd name="connsiteY9" fmla="*/ 0 h 2656745"/>
              <a:gd name="connsiteX10" fmla="*/ 5183807 w 5369859"/>
              <a:gd name="connsiteY10" fmla="*/ 0 h 2656745"/>
              <a:gd name="connsiteX11" fmla="*/ 5369859 w 5369859"/>
              <a:gd name="connsiteY11" fmla="*/ 0 h 2656745"/>
              <a:gd name="connsiteX0" fmla="*/ 5369859 w 5369859"/>
              <a:gd name="connsiteY0" fmla="*/ 2656745 h 2656745"/>
              <a:gd name="connsiteX1" fmla="*/ 5183807 w 5369859"/>
              <a:gd name="connsiteY1" fmla="*/ 2656745 h 2656745"/>
              <a:gd name="connsiteX2" fmla="*/ 186052 w 5369859"/>
              <a:gd name="connsiteY2" fmla="*/ 2656745 h 2656745"/>
              <a:gd name="connsiteX3" fmla="*/ 0 w 5369859"/>
              <a:gd name="connsiteY3" fmla="*/ 2656745 h 2656745"/>
              <a:gd name="connsiteX4" fmla="*/ 0 w 5369859"/>
              <a:gd name="connsiteY4" fmla="*/ 2470693 h 2656745"/>
              <a:gd name="connsiteX5" fmla="*/ 0 w 5369859"/>
              <a:gd name="connsiteY5" fmla="*/ 429570 h 2656745"/>
              <a:gd name="connsiteX6" fmla="*/ 0 w 5369859"/>
              <a:gd name="connsiteY6" fmla="*/ 186052 h 2656745"/>
              <a:gd name="connsiteX7" fmla="*/ 186052 w 5369859"/>
              <a:gd name="connsiteY7" fmla="*/ 0 h 2656745"/>
              <a:gd name="connsiteX8" fmla="*/ 662859 w 5369859"/>
              <a:gd name="connsiteY8" fmla="*/ 0 h 2656745"/>
              <a:gd name="connsiteX9" fmla="*/ 5183807 w 5369859"/>
              <a:gd name="connsiteY9" fmla="*/ 0 h 2656745"/>
              <a:gd name="connsiteX10" fmla="*/ 5369859 w 5369859"/>
              <a:gd name="connsiteY10" fmla="*/ 0 h 2656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69859" h="2656745">
                <a:moveTo>
                  <a:pt x="5369859" y="2656745"/>
                </a:moveTo>
                <a:lnTo>
                  <a:pt x="5183807" y="2656745"/>
                </a:lnTo>
                <a:lnTo>
                  <a:pt x="186052" y="2656745"/>
                </a:lnTo>
                <a:lnTo>
                  <a:pt x="0" y="2656745"/>
                </a:lnTo>
                <a:lnTo>
                  <a:pt x="0" y="2470693"/>
                </a:lnTo>
                <a:lnTo>
                  <a:pt x="0" y="429570"/>
                </a:lnTo>
                <a:lnTo>
                  <a:pt x="0" y="186052"/>
                </a:lnTo>
                <a:cubicBezTo>
                  <a:pt x="0" y="83298"/>
                  <a:pt x="83298" y="0"/>
                  <a:pt x="186052" y="0"/>
                </a:cubicBezTo>
                <a:lnTo>
                  <a:pt x="662859" y="0"/>
                </a:lnTo>
                <a:lnTo>
                  <a:pt x="5183807" y="0"/>
                </a:lnTo>
                <a:lnTo>
                  <a:pt x="5369859"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Kombinationstegning: figur 13">
            <a:extLst>
              <a:ext uri="{FF2B5EF4-FFF2-40B4-BE49-F238E27FC236}">
                <a16:creationId xmlns:a16="http://schemas.microsoft.com/office/drawing/2014/main" id="{61B59AE7-8907-E8BA-4230-97D543C1BCA9}"/>
              </a:ext>
            </a:extLst>
          </p:cNvPr>
          <p:cNvSpPr/>
          <p:nvPr userDrawn="1"/>
        </p:nvSpPr>
        <p:spPr>
          <a:xfrm rot="16200000">
            <a:off x="10259919" y="2012391"/>
            <a:ext cx="3290420" cy="573738"/>
          </a:xfrm>
          <a:custGeom>
            <a:avLst/>
            <a:gdLst>
              <a:gd name="connsiteX0" fmla="*/ 3290420 w 3290420"/>
              <a:gd name="connsiteY0" fmla="*/ 137238 h 573739"/>
              <a:gd name="connsiteX1" fmla="*/ 3290420 w 3290420"/>
              <a:gd name="connsiteY1" fmla="*/ 436501 h 573739"/>
              <a:gd name="connsiteX2" fmla="*/ 3290420 w 3290420"/>
              <a:gd name="connsiteY2" fmla="*/ 436503 h 573739"/>
              <a:gd name="connsiteX3" fmla="*/ 3290420 w 3290420"/>
              <a:gd name="connsiteY3" fmla="*/ 573738 h 573739"/>
              <a:gd name="connsiteX4" fmla="*/ 3153187 w 3290420"/>
              <a:gd name="connsiteY4" fmla="*/ 573738 h 573739"/>
              <a:gd name="connsiteX5" fmla="*/ 3153182 w 3290420"/>
              <a:gd name="connsiteY5" fmla="*/ 573739 h 573739"/>
              <a:gd name="connsiteX6" fmla="*/ 137239 w 3290420"/>
              <a:gd name="connsiteY6" fmla="*/ 573739 h 573739"/>
              <a:gd name="connsiteX7" fmla="*/ 137234 w 3290420"/>
              <a:gd name="connsiteY7" fmla="*/ 573738 h 573739"/>
              <a:gd name="connsiteX8" fmla="*/ 0 w 3290420"/>
              <a:gd name="connsiteY8" fmla="*/ 573738 h 573739"/>
              <a:gd name="connsiteX9" fmla="*/ 0 w 3290420"/>
              <a:gd name="connsiteY9" fmla="*/ 296968 h 573739"/>
              <a:gd name="connsiteX10" fmla="*/ 1 w 3290420"/>
              <a:gd name="connsiteY10" fmla="*/ 296968 h 573739"/>
              <a:gd name="connsiteX11" fmla="*/ 1 w 3290420"/>
              <a:gd name="connsiteY11" fmla="*/ 137238 h 573739"/>
              <a:gd name="connsiteX12" fmla="*/ 137239 w 3290420"/>
              <a:gd name="connsiteY12" fmla="*/ 0 h 573739"/>
              <a:gd name="connsiteX13" fmla="*/ 3153182 w 3290420"/>
              <a:gd name="connsiteY13" fmla="*/ 0 h 573739"/>
              <a:gd name="connsiteX14" fmla="*/ 3290420 w 3290420"/>
              <a:gd name="connsiteY14" fmla="*/ 137238 h 573739"/>
              <a:gd name="connsiteX0" fmla="*/ 137234 w 3290420"/>
              <a:gd name="connsiteY0" fmla="*/ 573738 h 665178"/>
              <a:gd name="connsiteX1" fmla="*/ 0 w 3290420"/>
              <a:gd name="connsiteY1" fmla="*/ 573738 h 665178"/>
              <a:gd name="connsiteX2" fmla="*/ 0 w 3290420"/>
              <a:gd name="connsiteY2" fmla="*/ 296968 h 665178"/>
              <a:gd name="connsiteX3" fmla="*/ 1 w 3290420"/>
              <a:gd name="connsiteY3" fmla="*/ 296968 h 665178"/>
              <a:gd name="connsiteX4" fmla="*/ 1 w 3290420"/>
              <a:gd name="connsiteY4" fmla="*/ 137238 h 665178"/>
              <a:gd name="connsiteX5" fmla="*/ 137239 w 3290420"/>
              <a:gd name="connsiteY5" fmla="*/ 0 h 665178"/>
              <a:gd name="connsiteX6" fmla="*/ 3153182 w 3290420"/>
              <a:gd name="connsiteY6" fmla="*/ 0 h 665178"/>
              <a:gd name="connsiteX7" fmla="*/ 3290420 w 3290420"/>
              <a:gd name="connsiteY7" fmla="*/ 137238 h 665178"/>
              <a:gd name="connsiteX8" fmla="*/ 3290420 w 3290420"/>
              <a:gd name="connsiteY8" fmla="*/ 436501 h 665178"/>
              <a:gd name="connsiteX9" fmla="*/ 3290420 w 3290420"/>
              <a:gd name="connsiteY9" fmla="*/ 436503 h 665178"/>
              <a:gd name="connsiteX10" fmla="*/ 3290420 w 3290420"/>
              <a:gd name="connsiteY10" fmla="*/ 573738 h 665178"/>
              <a:gd name="connsiteX11" fmla="*/ 3153187 w 3290420"/>
              <a:gd name="connsiteY11" fmla="*/ 573738 h 665178"/>
              <a:gd name="connsiteX12" fmla="*/ 3153182 w 3290420"/>
              <a:gd name="connsiteY12" fmla="*/ 573739 h 665178"/>
              <a:gd name="connsiteX13" fmla="*/ 137239 w 3290420"/>
              <a:gd name="connsiteY13" fmla="*/ 573739 h 665178"/>
              <a:gd name="connsiteX14" fmla="*/ 228674 w 3290420"/>
              <a:gd name="connsiteY14" fmla="*/ 665178 h 665178"/>
              <a:gd name="connsiteX0" fmla="*/ 137234 w 3290420"/>
              <a:gd name="connsiteY0" fmla="*/ 573738 h 665178"/>
              <a:gd name="connsiteX1" fmla="*/ 0 w 3290420"/>
              <a:gd name="connsiteY1" fmla="*/ 573738 h 665178"/>
              <a:gd name="connsiteX2" fmla="*/ 0 w 3290420"/>
              <a:gd name="connsiteY2" fmla="*/ 296968 h 665178"/>
              <a:gd name="connsiteX3" fmla="*/ 1 w 3290420"/>
              <a:gd name="connsiteY3" fmla="*/ 296968 h 665178"/>
              <a:gd name="connsiteX4" fmla="*/ 1 w 3290420"/>
              <a:gd name="connsiteY4" fmla="*/ 137238 h 665178"/>
              <a:gd name="connsiteX5" fmla="*/ 137239 w 3290420"/>
              <a:gd name="connsiteY5" fmla="*/ 0 h 665178"/>
              <a:gd name="connsiteX6" fmla="*/ 3153182 w 3290420"/>
              <a:gd name="connsiteY6" fmla="*/ 0 h 665178"/>
              <a:gd name="connsiteX7" fmla="*/ 3290420 w 3290420"/>
              <a:gd name="connsiteY7" fmla="*/ 137238 h 665178"/>
              <a:gd name="connsiteX8" fmla="*/ 3290420 w 3290420"/>
              <a:gd name="connsiteY8" fmla="*/ 436501 h 665178"/>
              <a:gd name="connsiteX9" fmla="*/ 3290420 w 3290420"/>
              <a:gd name="connsiteY9" fmla="*/ 436503 h 665178"/>
              <a:gd name="connsiteX10" fmla="*/ 3290420 w 3290420"/>
              <a:gd name="connsiteY10" fmla="*/ 573738 h 665178"/>
              <a:gd name="connsiteX11" fmla="*/ 3153187 w 3290420"/>
              <a:gd name="connsiteY11" fmla="*/ 573738 h 665178"/>
              <a:gd name="connsiteX12" fmla="*/ 3153182 w 3290420"/>
              <a:gd name="connsiteY12" fmla="*/ 573739 h 665178"/>
              <a:gd name="connsiteX13" fmla="*/ 228674 w 3290420"/>
              <a:gd name="connsiteY13" fmla="*/ 665178 h 665178"/>
              <a:gd name="connsiteX0" fmla="*/ 137234 w 3290420"/>
              <a:gd name="connsiteY0" fmla="*/ 573738 h 573739"/>
              <a:gd name="connsiteX1" fmla="*/ 0 w 3290420"/>
              <a:gd name="connsiteY1" fmla="*/ 573738 h 573739"/>
              <a:gd name="connsiteX2" fmla="*/ 0 w 3290420"/>
              <a:gd name="connsiteY2" fmla="*/ 296968 h 573739"/>
              <a:gd name="connsiteX3" fmla="*/ 1 w 3290420"/>
              <a:gd name="connsiteY3" fmla="*/ 296968 h 573739"/>
              <a:gd name="connsiteX4" fmla="*/ 1 w 3290420"/>
              <a:gd name="connsiteY4" fmla="*/ 137238 h 573739"/>
              <a:gd name="connsiteX5" fmla="*/ 137239 w 3290420"/>
              <a:gd name="connsiteY5" fmla="*/ 0 h 573739"/>
              <a:gd name="connsiteX6" fmla="*/ 3153182 w 3290420"/>
              <a:gd name="connsiteY6" fmla="*/ 0 h 573739"/>
              <a:gd name="connsiteX7" fmla="*/ 3290420 w 3290420"/>
              <a:gd name="connsiteY7" fmla="*/ 137238 h 573739"/>
              <a:gd name="connsiteX8" fmla="*/ 3290420 w 3290420"/>
              <a:gd name="connsiteY8" fmla="*/ 436501 h 573739"/>
              <a:gd name="connsiteX9" fmla="*/ 3290420 w 3290420"/>
              <a:gd name="connsiteY9" fmla="*/ 436503 h 573739"/>
              <a:gd name="connsiteX10" fmla="*/ 3290420 w 3290420"/>
              <a:gd name="connsiteY10" fmla="*/ 573738 h 573739"/>
              <a:gd name="connsiteX11" fmla="*/ 3153187 w 3290420"/>
              <a:gd name="connsiteY11" fmla="*/ 573738 h 573739"/>
              <a:gd name="connsiteX12" fmla="*/ 3153182 w 3290420"/>
              <a:gd name="connsiteY12" fmla="*/ 573739 h 573739"/>
              <a:gd name="connsiteX0" fmla="*/ 0 w 3290420"/>
              <a:gd name="connsiteY0" fmla="*/ 573738 h 573739"/>
              <a:gd name="connsiteX1" fmla="*/ 0 w 3290420"/>
              <a:gd name="connsiteY1" fmla="*/ 296968 h 573739"/>
              <a:gd name="connsiteX2" fmla="*/ 1 w 3290420"/>
              <a:gd name="connsiteY2" fmla="*/ 296968 h 573739"/>
              <a:gd name="connsiteX3" fmla="*/ 1 w 3290420"/>
              <a:gd name="connsiteY3" fmla="*/ 137238 h 573739"/>
              <a:gd name="connsiteX4" fmla="*/ 137239 w 3290420"/>
              <a:gd name="connsiteY4" fmla="*/ 0 h 573739"/>
              <a:gd name="connsiteX5" fmla="*/ 3153182 w 3290420"/>
              <a:gd name="connsiteY5" fmla="*/ 0 h 573739"/>
              <a:gd name="connsiteX6" fmla="*/ 3290420 w 3290420"/>
              <a:gd name="connsiteY6" fmla="*/ 137238 h 573739"/>
              <a:gd name="connsiteX7" fmla="*/ 3290420 w 3290420"/>
              <a:gd name="connsiteY7" fmla="*/ 436501 h 573739"/>
              <a:gd name="connsiteX8" fmla="*/ 3290420 w 3290420"/>
              <a:gd name="connsiteY8" fmla="*/ 436503 h 573739"/>
              <a:gd name="connsiteX9" fmla="*/ 3290420 w 3290420"/>
              <a:gd name="connsiteY9" fmla="*/ 573738 h 573739"/>
              <a:gd name="connsiteX10" fmla="*/ 3153187 w 3290420"/>
              <a:gd name="connsiteY10" fmla="*/ 573738 h 573739"/>
              <a:gd name="connsiteX11" fmla="*/ 3153182 w 3290420"/>
              <a:gd name="connsiteY11" fmla="*/ 573739 h 573739"/>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3153182 w 3290420"/>
              <a:gd name="connsiteY5" fmla="*/ 0 h 573738"/>
              <a:gd name="connsiteX6" fmla="*/ 3290420 w 3290420"/>
              <a:gd name="connsiteY6" fmla="*/ 137238 h 573738"/>
              <a:gd name="connsiteX7" fmla="*/ 3290420 w 3290420"/>
              <a:gd name="connsiteY7" fmla="*/ 436501 h 573738"/>
              <a:gd name="connsiteX8" fmla="*/ 3290420 w 3290420"/>
              <a:gd name="connsiteY8" fmla="*/ 436503 h 573738"/>
              <a:gd name="connsiteX9" fmla="*/ 3290420 w 3290420"/>
              <a:gd name="connsiteY9" fmla="*/ 573738 h 573738"/>
              <a:gd name="connsiteX10" fmla="*/ 3153187 w 3290420"/>
              <a:gd name="connsiteY10" fmla="*/ 573738 h 573738"/>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3153182 w 3290420"/>
              <a:gd name="connsiteY5" fmla="*/ 0 h 573738"/>
              <a:gd name="connsiteX6" fmla="*/ 3290420 w 3290420"/>
              <a:gd name="connsiteY6" fmla="*/ 137238 h 573738"/>
              <a:gd name="connsiteX7" fmla="*/ 3290420 w 3290420"/>
              <a:gd name="connsiteY7" fmla="*/ 436501 h 573738"/>
              <a:gd name="connsiteX8" fmla="*/ 3290420 w 3290420"/>
              <a:gd name="connsiteY8" fmla="*/ 436503 h 573738"/>
              <a:gd name="connsiteX9" fmla="*/ 3290420 w 3290420"/>
              <a:gd name="connsiteY9" fmla="*/ 573738 h 5737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90420" h="573738">
                <a:moveTo>
                  <a:pt x="0" y="573738"/>
                </a:moveTo>
                <a:lnTo>
                  <a:pt x="0" y="296968"/>
                </a:lnTo>
                <a:lnTo>
                  <a:pt x="1" y="296968"/>
                </a:lnTo>
                <a:lnTo>
                  <a:pt x="1" y="137238"/>
                </a:lnTo>
                <a:cubicBezTo>
                  <a:pt x="1" y="61444"/>
                  <a:pt x="61445" y="0"/>
                  <a:pt x="137239" y="0"/>
                </a:cubicBezTo>
                <a:lnTo>
                  <a:pt x="3153182" y="0"/>
                </a:lnTo>
                <a:cubicBezTo>
                  <a:pt x="3228976" y="0"/>
                  <a:pt x="3290420" y="61444"/>
                  <a:pt x="3290420" y="137238"/>
                </a:cubicBezTo>
                <a:lnTo>
                  <a:pt x="3290420" y="436501"/>
                </a:lnTo>
                <a:lnTo>
                  <a:pt x="3290420" y="436503"/>
                </a:lnTo>
                <a:lnTo>
                  <a:pt x="3290420" y="57373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3" name="Kombinationstegning: figur 12">
            <a:extLst>
              <a:ext uri="{FF2B5EF4-FFF2-40B4-BE49-F238E27FC236}">
                <a16:creationId xmlns:a16="http://schemas.microsoft.com/office/drawing/2014/main" id="{48A5DC69-715C-A5CB-06D3-FD6482E72F48}"/>
              </a:ext>
            </a:extLst>
          </p:cNvPr>
          <p:cNvSpPr/>
          <p:nvPr userDrawn="1"/>
        </p:nvSpPr>
        <p:spPr>
          <a:xfrm rot="5400000">
            <a:off x="-527441" y="2744108"/>
            <a:ext cx="2656746" cy="1601868"/>
          </a:xfrm>
          <a:custGeom>
            <a:avLst/>
            <a:gdLst>
              <a:gd name="connsiteX0" fmla="*/ 0 w 2656746"/>
              <a:gd name="connsiteY0" fmla="*/ 1439807 h 1601868"/>
              <a:gd name="connsiteX1" fmla="*/ 0 w 2656746"/>
              <a:gd name="connsiteY1" fmla="*/ 162061 h 1601868"/>
              <a:gd name="connsiteX2" fmla="*/ 162061 w 2656746"/>
              <a:gd name="connsiteY2" fmla="*/ 0 h 1601868"/>
              <a:gd name="connsiteX3" fmla="*/ 2494683 w 2656746"/>
              <a:gd name="connsiteY3" fmla="*/ 0 h 1601868"/>
              <a:gd name="connsiteX4" fmla="*/ 2656744 w 2656746"/>
              <a:gd name="connsiteY4" fmla="*/ 162061 h 1601868"/>
              <a:gd name="connsiteX5" fmla="*/ 2656744 w 2656746"/>
              <a:gd name="connsiteY5" fmla="*/ 259006 h 1601868"/>
              <a:gd name="connsiteX6" fmla="*/ 2656746 w 2656746"/>
              <a:gd name="connsiteY6" fmla="*/ 259006 h 1601868"/>
              <a:gd name="connsiteX7" fmla="*/ 2656746 w 2656746"/>
              <a:gd name="connsiteY7" fmla="*/ 1601868 h 1601868"/>
              <a:gd name="connsiteX8" fmla="*/ 2494683 w 2656746"/>
              <a:gd name="connsiteY8" fmla="*/ 1601868 h 1601868"/>
              <a:gd name="connsiteX9" fmla="*/ 162061 w 2656746"/>
              <a:gd name="connsiteY9" fmla="*/ 1601868 h 1601868"/>
              <a:gd name="connsiteX10" fmla="*/ 2 w 2656746"/>
              <a:gd name="connsiteY10" fmla="*/ 1601868 h 1601868"/>
              <a:gd name="connsiteX11" fmla="*/ 2 w 2656746"/>
              <a:gd name="connsiteY11" fmla="*/ 1439817 h 1601868"/>
              <a:gd name="connsiteX0" fmla="*/ 2 w 2656746"/>
              <a:gd name="connsiteY0" fmla="*/ 1601868 h 1693308"/>
              <a:gd name="connsiteX1" fmla="*/ 2 w 2656746"/>
              <a:gd name="connsiteY1" fmla="*/ 1439817 h 1693308"/>
              <a:gd name="connsiteX2" fmla="*/ 0 w 2656746"/>
              <a:gd name="connsiteY2" fmla="*/ 1439807 h 1693308"/>
              <a:gd name="connsiteX3" fmla="*/ 0 w 2656746"/>
              <a:gd name="connsiteY3" fmla="*/ 162061 h 1693308"/>
              <a:gd name="connsiteX4" fmla="*/ 162061 w 2656746"/>
              <a:gd name="connsiteY4" fmla="*/ 0 h 1693308"/>
              <a:gd name="connsiteX5" fmla="*/ 2494683 w 2656746"/>
              <a:gd name="connsiteY5" fmla="*/ 0 h 1693308"/>
              <a:gd name="connsiteX6" fmla="*/ 2656744 w 2656746"/>
              <a:gd name="connsiteY6" fmla="*/ 162061 h 1693308"/>
              <a:gd name="connsiteX7" fmla="*/ 2656744 w 2656746"/>
              <a:gd name="connsiteY7" fmla="*/ 259006 h 1693308"/>
              <a:gd name="connsiteX8" fmla="*/ 2656746 w 2656746"/>
              <a:gd name="connsiteY8" fmla="*/ 259006 h 1693308"/>
              <a:gd name="connsiteX9" fmla="*/ 2656746 w 2656746"/>
              <a:gd name="connsiteY9" fmla="*/ 1601868 h 1693308"/>
              <a:gd name="connsiteX10" fmla="*/ 2494683 w 2656746"/>
              <a:gd name="connsiteY10" fmla="*/ 1601868 h 1693308"/>
              <a:gd name="connsiteX11" fmla="*/ 162061 w 2656746"/>
              <a:gd name="connsiteY11" fmla="*/ 1601868 h 1693308"/>
              <a:gd name="connsiteX12" fmla="*/ 91442 w 2656746"/>
              <a:gd name="connsiteY12" fmla="*/ 1693308 h 169330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11" fmla="*/ 162061 w 2656746"/>
              <a:gd name="connsiteY11"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56746" h="1601868">
                <a:moveTo>
                  <a:pt x="2" y="1601868"/>
                </a:moveTo>
                <a:lnTo>
                  <a:pt x="2" y="1439817"/>
                </a:lnTo>
                <a:cubicBezTo>
                  <a:pt x="1" y="1439814"/>
                  <a:pt x="1" y="1439810"/>
                  <a:pt x="0" y="1439807"/>
                </a:cubicBezTo>
                <a:lnTo>
                  <a:pt x="0" y="162061"/>
                </a:lnTo>
                <a:cubicBezTo>
                  <a:pt x="0" y="72557"/>
                  <a:pt x="72557" y="0"/>
                  <a:pt x="162061" y="0"/>
                </a:cubicBezTo>
                <a:lnTo>
                  <a:pt x="2494683" y="0"/>
                </a:lnTo>
                <a:cubicBezTo>
                  <a:pt x="2584187" y="0"/>
                  <a:pt x="2656744" y="72557"/>
                  <a:pt x="2656744" y="162061"/>
                </a:cubicBezTo>
                <a:lnTo>
                  <a:pt x="2656744" y="259006"/>
                </a:lnTo>
                <a:lnTo>
                  <a:pt x="2656746" y="259006"/>
                </a:lnTo>
                <a:lnTo>
                  <a:pt x="2656746" y="160186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7" name="Freeform: Shape 79">
            <a:extLst>
              <a:ext uri="{FF2B5EF4-FFF2-40B4-BE49-F238E27FC236}">
                <a16:creationId xmlns:a16="http://schemas.microsoft.com/office/drawing/2014/main" id="{441A6F05-6F6E-988B-FA5B-FB1CCAE99F15}"/>
              </a:ext>
            </a:extLst>
          </p:cNvPr>
          <p:cNvSpPr/>
          <p:nvPr userDrawn="1"/>
        </p:nvSpPr>
        <p:spPr>
          <a:xfrm rot="5400000">
            <a:off x="-1016912" y="2810669"/>
            <a:ext cx="1740665" cy="6383726"/>
          </a:xfrm>
          <a:custGeom>
            <a:avLst/>
            <a:gdLst>
              <a:gd name="connsiteX0" fmla="*/ 0 w 1740665"/>
              <a:gd name="connsiteY0" fmla="*/ 6383726 h 6559829"/>
              <a:gd name="connsiteX1" fmla="*/ 0 w 1740665"/>
              <a:gd name="connsiteY1" fmla="*/ 176104 h 6559829"/>
              <a:gd name="connsiteX2" fmla="*/ 176103 w 1740665"/>
              <a:gd name="connsiteY2" fmla="*/ 1 h 6559829"/>
              <a:gd name="connsiteX3" fmla="*/ 566238 w 1740665"/>
              <a:gd name="connsiteY3" fmla="*/ 1 h 6559829"/>
              <a:gd name="connsiteX4" fmla="*/ 566238 w 1740665"/>
              <a:gd name="connsiteY4" fmla="*/ 0 h 6559829"/>
              <a:gd name="connsiteX5" fmla="*/ 1740665 w 1740665"/>
              <a:gd name="connsiteY5" fmla="*/ 0 h 6559829"/>
              <a:gd name="connsiteX6" fmla="*/ 1740665 w 1740665"/>
              <a:gd name="connsiteY6" fmla="*/ 6551498 h 6559829"/>
              <a:gd name="connsiteX7" fmla="*/ 1605825 w 1740665"/>
              <a:gd name="connsiteY7" fmla="*/ 6551498 h 6559829"/>
              <a:gd name="connsiteX8" fmla="*/ 1564562 w 1740665"/>
              <a:gd name="connsiteY8" fmla="*/ 6559829 h 6559829"/>
              <a:gd name="connsiteX9" fmla="*/ 176103 w 1740665"/>
              <a:gd name="connsiteY9" fmla="*/ 6559829 h 6559829"/>
              <a:gd name="connsiteX10" fmla="*/ 0 w 1740665"/>
              <a:gd name="connsiteY10" fmla="*/ 6383726 h 6559829"/>
              <a:gd name="connsiteX0" fmla="*/ 1740665 w 1832105"/>
              <a:gd name="connsiteY0" fmla="*/ 6551498 h 6642938"/>
              <a:gd name="connsiteX1" fmla="*/ 1605825 w 1832105"/>
              <a:gd name="connsiteY1" fmla="*/ 6551498 h 6642938"/>
              <a:gd name="connsiteX2" fmla="*/ 1564562 w 1832105"/>
              <a:gd name="connsiteY2" fmla="*/ 6559829 h 6642938"/>
              <a:gd name="connsiteX3" fmla="*/ 176103 w 1832105"/>
              <a:gd name="connsiteY3" fmla="*/ 6559829 h 6642938"/>
              <a:gd name="connsiteX4" fmla="*/ 0 w 1832105"/>
              <a:gd name="connsiteY4" fmla="*/ 6383726 h 6642938"/>
              <a:gd name="connsiteX5" fmla="*/ 0 w 1832105"/>
              <a:gd name="connsiteY5" fmla="*/ 176104 h 6642938"/>
              <a:gd name="connsiteX6" fmla="*/ 176103 w 1832105"/>
              <a:gd name="connsiteY6" fmla="*/ 1 h 6642938"/>
              <a:gd name="connsiteX7" fmla="*/ 566238 w 1832105"/>
              <a:gd name="connsiteY7" fmla="*/ 1 h 6642938"/>
              <a:gd name="connsiteX8" fmla="*/ 566238 w 1832105"/>
              <a:gd name="connsiteY8" fmla="*/ 0 h 6642938"/>
              <a:gd name="connsiteX9" fmla="*/ 1740665 w 1832105"/>
              <a:gd name="connsiteY9" fmla="*/ 0 h 6642938"/>
              <a:gd name="connsiteX10" fmla="*/ 1832105 w 1832105"/>
              <a:gd name="connsiteY10" fmla="*/ 6642938 h 6642938"/>
              <a:gd name="connsiteX0" fmla="*/ 1740665 w 1740665"/>
              <a:gd name="connsiteY0" fmla="*/ 6551498 h 6559829"/>
              <a:gd name="connsiteX1" fmla="*/ 1605825 w 1740665"/>
              <a:gd name="connsiteY1" fmla="*/ 6551498 h 6559829"/>
              <a:gd name="connsiteX2" fmla="*/ 1564562 w 1740665"/>
              <a:gd name="connsiteY2" fmla="*/ 6559829 h 6559829"/>
              <a:gd name="connsiteX3" fmla="*/ 176103 w 1740665"/>
              <a:gd name="connsiteY3" fmla="*/ 6559829 h 6559829"/>
              <a:gd name="connsiteX4" fmla="*/ 0 w 1740665"/>
              <a:gd name="connsiteY4" fmla="*/ 6383726 h 6559829"/>
              <a:gd name="connsiteX5" fmla="*/ 0 w 1740665"/>
              <a:gd name="connsiteY5" fmla="*/ 176104 h 6559829"/>
              <a:gd name="connsiteX6" fmla="*/ 176103 w 1740665"/>
              <a:gd name="connsiteY6" fmla="*/ 1 h 6559829"/>
              <a:gd name="connsiteX7" fmla="*/ 566238 w 1740665"/>
              <a:gd name="connsiteY7" fmla="*/ 1 h 6559829"/>
              <a:gd name="connsiteX8" fmla="*/ 566238 w 1740665"/>
              <a:gd name="connsiteY8" fmla="*/ 0 h 6559829"/>
              <a:gd name="connsiteX9" fmla="*/ 1740665 w 1740665"/>
              <a:gd name="connsiteY9" fmla="*/ 0 h 6559829"/>
              <a:gd name="connsiteX0" fmla="*/ 1605825 w 1740665"/>
              <a:gd name="connsiteY0" fmla="*/ 6551498 h 6559829"/>
              <a:gd name="connsiteX1" fmla="*/ 1564562 w 1740665"/>
              <a:gd name="connsiteY1" fmla="*/ 6559829 h 6559829"/>
              <a:gd name="connsiteX2" fmla="*/ 176103 w 1740665"/>
              <a:gd name="connsiteY2" fmla="*/ 6559829 h 6559829"/>
              <a:gd name="connsiteX3" fmla="*/ 0 w 1740665"/>
              <a:gd name="connsiteY3" fmla="*/ 6383726 h 6559829"/>
              <a:gd name="connsiteX4" fmla="*/ 0 w 1740665"/>
              <a:gd name="connsiteY4" fmla="*/ 176104 h 6559829"/>
              <a:gd name="connsiteX5" fmla="*/ 176103 w 1740665"/>
              <a:gd name="connsiteY5" fmla="*/ 1 h 6559829"/>
              <a:gd name="connsiteX6" fmla="*/ 566238 w 1740665"/>
              <a:gd name="connsiteY6" fmla="*/ 1 h 6559829"/>
              <a:gd name="connsiteX7" fmla="*/ 566238 w 1740665"/>
              <a:gd name="connsiteY7" fmla="*/ 0 h 6559829"/>
              <a:gd name="connsiteX8" fmla="*/ 1740665 w 1740665"/>
              <a:gd name="connsiteY8" fmla="*/ 0 h 6559829"/>
              <a:gd name="connsiteX0" fmla="*/ 1605825 w 1740665"/>
              <a:gd name="connsiteY0" fmla="*/ 6551498 h 6559829"/>
              <a:gd name="connsiteX1" fmla="*/ 176103 w 1740665"/>
              <a:gd name="connsiteY1" fmla="*/ 6559829 h 6559829"/>
              <a:gd name="connsiteX2" fmla="*/ 0 w 1740665"/>
              <a:gd name="connsiteY2" fmla="*/ 6383726 h 6559829"/>
              <a:gd name="connsiteX3" fmla="*/ 0 w 1740665"/>
              <a:gd name="connsiteY3" fmla="*/ 176104 h 6559829"/>
              <a:gd name="connsiteX4" fmla="*/ 176103 w 1740665"/>
              <a:gd name="connsiteY4" fmla="*/ 1 h 6559829"/>
              <a:gd name="connsiteX5" fmla="*/ 566238 w 1740665"/>
              <a:gd name="connsiteY5" fmla="*/ 1 h 6559829"/>
              <a:gd name="connsiteX6" fmla="*/ 566238 w 1740665"/>
              <a:gd name="connsiteY6" fmla="*/ 0 h 6559829"/>
              <a:gd name="connsiteX7" fmla="*/ 1740665 w 1740665"/>
              <a:gd name="connsiteY7" fmla="*/ 0 h 6559829"/>
              <a:gd name="connsiteX0" fmla="*/ 176103 w 1740665"/>
              <a:gd name="connsiteY0" fmla="*/ 6559829 h 6559829"/>
              <a:gd name="connsiteX1" fmla="*/ 0 w 1740665"/>
              <a:gd name="connsiteY1" fmla="*/ 6383726 h 6559829"/>
              <a:gd name="connsiteX2" fmla="*/ 0 w 1740665"/>
              <a:gd name="connsiteY2" fmla="*/ 176104 h 6559829"/>
              <a:gd name="connsiteX3" fmla="*/ 176103 w 1740665"/>
              <a:gd name="connsiteY3" fmla="*/ 1 h 6559829"/>
              <a:gd name="connsiteX4" fmla="*/ 566238 w 1740665"/>
              <a:gd name="connsiteY4" fmla="*/ 1 h 6559829"/>
              <a:gd name="connsiteX5" fmla="*/ 566238 w 1740665"/>
              <a:gd name="connsiteY5" fmla="*/ 0 h 6559829"/>
              <a:gd name="connsiteX6" fmla="*/ 1740665 w 1740665"/>
              <a:gd name="connsiteY6" fmla="*/ 0 h 6559829"/>
              <a:gd name="connsiteX0" fmla="*/ 0 w 1740665"/>
              <a:gd name="connsiteY0" fmla="*/ 6383726 h 6383726"/>
              <a:gd name="connsiteX1" fmla="*/ 0 w 1740665"/>
              <a:gd name="connsiteY1" fmla="*/ 176104 h 6383726"/>
              <a:gd name="connsiteX2" fmla="*/ 176103 w 1740665"/>
              <a:gd name="connsiteY2" fmla="*/ 1 h 6383726"/>
              <a:gd name="connsiteX3" fmla="*/ 566238 w 1740665"/>
              <a:gd name="connsiteY3" fmla="*/ 1 h 6383726"/>
              <a:gd name="connsiteX4" fmla="*/ 566238 w 1740665"/>
              <a:gd name="connsiteY4" fmla="*/ 0 h 6383726"/>
              <a:gd name="connsiteX5" fmla="*/ 1740665 w 1740665"/>
              <a:gd name="connsiteY5" fmla="*/ 0 h 6383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40665" h="6383726">
                <a:moveTo>
                  <a:pt x="0" y="6383726"/>
                </a:moveTo>
                <a:lnTo>
                  <a:pt x="0" y="176104"/>
                </a:lnTo>
                <a:cubicBezTo>
                  <a:pt x="0" y="78845"/>
                  <a:pt x="78844" y="1"/>
                  <a:pt x="176103" y="1"/>
                </a:cubicBezTo>
                <a:lnTo>
                  <a:pt x="566238" y="1"/>
                </a:lnTo>
                <a:lnTo>
                  <a:pt x="566238" y="0"/>
                </a:lnTo>
                <a:lnTo>
                  <a:pt x="174066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176789" cy="1548000"/>
          </a:xfrm>
        </p:spPr>
        <p:txBody>
          <a:bodyPr anchor="t" anchorCtr="0"/>
          <a:lstStyle>
            <a:lvl1pPr algn="l">
              <a:defRPr sz="4800">
                <a:solidFill>
                  <a:schemeClr val="bg1"/>
                </a:solidFill>
              </a:defRPr>
            </a:lvl1pPr>
          </a:lstStyle>
          <a:p>
            <a:r>
              <a:rPr lang="da-DK" dirty="0"/>
              <a:t>Klik for at indsætte overskrift – max. to linjer</a:t>
            </a:r>
          </a:p>
        </p:txBody>
      </p:sp>
      <p:grpSp>
        <p:nvGrpSpPr>
          <p:cNvPr id="37" name="Group 58">
            <a:extLst>
              <a:ext uri="{FF2B5EF4-FFF2-40B4-BE49-F238E27FC236}">
                <a16:creationId xmlns:a16="http://schemas.microsoft.com/office/drawing/2014/main" id="{BAF1B47A-B759-092B-B58C-CBC2E7A498FA}"/>
              </a:ext>
            </a:extLst>
          </p:cNvPr>
          <p:cNvGrpSpPr/>
          <p:nvPr userDrawn="1"/>
        </p:nvGrpSpPr>
        <p:grpSpPr>
          <a:xfrm>
            <a:off x="1857489" y="3761682"/>
            <a:ext cx="1817000" cy="1111735"/>
            <a:chOff x="7918183" y="1759240"/>
            <a:chExt cx="1670583" cy="1532511"/>
          </a:xfrm>
          <a:solidFill>
            <a:srgbClr val="38025C"/>
          </a:solidFill>
        </p:grpSpPr>
        <p:sp>
          <p:nvSpPr>
            <p:cNvPr id="38" name="Rectangle: Rounded Corners 59">
              <a:extLst>
                <a:ext uri="{FF2B5EF4-FFF2-40B4-BE49-F238E27FC236}">
                  <a16:creationId xmlns:a16="http://schemas.microsoft.com/office/drawing/2014/main" id="{E41337C5-2DC8-08C4-A54E-AC76FBAE472B}"/>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39" name="Rectangle 60">
              <a:extLst>
                <a:ext uri="{FF2B5EF4-FFF2-40B4-BE49-F238E27FC236}">
                  <a16:creationId xmlns:a16="http://schemas.microsoft.com/office/drawing/2014/main" id="{C0501B15-3976-4459-60C3-51010BD5C331}"/>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0" name="Group 58">
            <a:extLst>
              <a:ext uri="{FF2B5EF4-FFF2-40B4-BE49-F238E27FC236}">
                <a16:creationId xmlns:a16="http://schemas.microsoft.com/office/drawing/2014/main" id="{8BAF4F7A-302A-90D9-CC50-4F1CCE096C98}"/>
              </a:ext>
            </a:extLst>
          </p:cNvPr>
          <p:cNvGrpSpPr/>
          <p:nvPr userDrawn="1"/>
        </p:nvGrpSpPr>
        <p:grpSpPr>
          <a:xfrm>
            <a:off x="1857489" y="3761682"/>
            <a:ext cx="1817000" cy="1111735"/>
            <a:chOff x="7918183" y="1759240"/>
            <a:chExt cx="1670583" cy="1532511"/>
          </a:xfrm>
          <a:solidFill>
            <a:srgbClr val="38025C"/>
          </a:solidFill>
        </p:grpSpPr>
        <p:sp>
          <p:nvSpPr>
            <p:cNvPr id="41" name="Rectangle: Rounded Corners 59">
              <a:extLst>
                <a:ext uri="{FF2B5EF4-FFF2-40B4-BE49-F238E27FC236}">
                  <a16:creationId xmlns:a16="http://schemas.microsoft.com/office/drawing/2014/main" id="{7F495901-2FCD-935E-864C-FB7723FCF613}"/>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42" name="Rectangle 60">
              <a:extLst>
                <a:ext uri="{FF2B5EF4-FFF2-40B4-BE49-F238E27FC236}">
                  <a16:creationId xmlns:a16="http://schemas.microsoft.com/office/drawing/2014/main" id="{CD65BFB9-081F-8714-5D14-70639F227398}"/>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3" name="Gruppe 11">
            <a:extLst>
              <a:ext uri="{FF2B5EF4-FFF2-40B4-BE49-F238E27FC236}">
                <a16:creationId xmlns:a16="http://schemas.microsoft.com/office/drawing/2014/main" id="{E72A7556-80CC-2D94-7BE4-48D508531CA0}"/>
              </a:ext>
            </a:extLst>
          </p:cNvPr>
          <p:cNvGrpSpPr/>
          <p:nvPr userDrawn="1"/>
        </p:nvGrpSpPr>
        <p:grpSpPr>
          <a:xfrm>
            <a:off x="9544636" y="2653551"/>
            <a:ext cx="1818002" cy="1290917"/>
            <a:chOff x="9525589" y="2653551"/>
            <a:chExt cx="1818002" cy="1290917"/>
          </a:xfrm>
          <a:solidFill>
            <a:srgbClr val="38025C"/>
          </a:solidFill>
        </p:grpSpPr>
        <p:sp>
          <p:nvSpPr>
            <p:cNvPr id="44" name="Kombinationstegning: figur 10">
              <a:extLst>
                <a:ext uri="{FF2B5EF4-FFF2-40B4-BE49-F238E27FC236}">
                  <a16:creationId xmlns:a16="http://schemas.microsoft.com/office/drawing/2014/main" id="{18C7E34A-422F-43B2-82D4-5A50020F9A29}"/>
                </a:ext>
              </a:extLst>
            </p:cNvPr>
            <p:cNvSpPr/>
            <p:nvPr/>
          </p:nvSpPr>
          <p:spPr>
            <a:xfrm rot="10800000">
              <a:off x="9525589" y="2653551"/>
              <a:ext cx="1818000" cy="1290917"/>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45" name="Kombinationstegning: figur 5">
              <a:extLst>
                <a:ext uri="{FF2B5EF4-FFF2-40B4-BE49-F238E27FC236}">
                  <a16:creationId xmlns:a16="http://schemas.microsoft.com/office/drawing/2014/main" id="{4C4CBFA9-708B-05EB-2E3E-A65BFBDA16C2}"/>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grpSp>
        <p:nvGrpSpPr>
          <p:cNvPr id="46" name="Gruppe 11">
            <a:extLst>
              <a:ext uri="{FF2B5EF4-FFF2-40B4-BE49-F238E27FC236}">
                <a16:creationId xmlns:a16="http://schemas.microsoft.com/office/drawing/2014/main" id="{DBDAE1EB-8CD4-81B7-FC29-CDDDCE37D48B}"/>
              </a:ext>
            </a:extLst>
          </p:cNvPr>
          <p:cNvGrpSpPr/>
          <p:nvPr userDrawn="1"/>
        </p:nvGrpSpPr>
        <p:grpSpPr>
          <a:xfrm>
            <a:off x="9544636" y="2236384"/>
            <a:ext cx="1818002" cy="1401760"/>
            <a:chOff x="9525589" y="2653550"/>
            <a:chExt cx="1818002" cy="1401760"/>
          </a:xfrm>
          <a:solidFill>
            <a:srgbClr val="38025C"/>
          </a:solidFill>
        </p:grpSpPr>
        <p:sp>
          <p:nvSpPr>
            <p:cNvPr id="51" name="Kombinationstegning: figur 10">
              <a:extLst>
                <a:ext uri="{FF2B5EF4-FFF2-40B4-BE49-F238E27FC236}">
                  <a16:creationId xmlns:a16="http://schemas.microsoft.com/office/drawing/2014/main" id="{220EA7B0-5403-836C-6F99-E2E4D14A708D}"/>
                </a:ext>
              </a:extLst>
            </p:cNvPr>
            <p:cNvSpPr/>
            <p:nvPr/>
          </p:nvSpPr>
          <p:spPr>
            <a:xfrm rot="10800000">
              <a:off x="9525589" y="2653550"/>
              <a:ext cx="1818000" cy="1401760"/>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52" name="Kombinationstegning: figur 5">
              <a:extLst>
                <a:ext uri="{FF2B5EF4-FFF2-40B4-BE49-F238E27FC236}">
                  <a16:creationId xmlns:a16="http://schemas.microsoft.com/office/drawing/2014/main" id="{D85D167A-12E0-BF65-AC24-439FAC92329B}"/>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sp>
        <p:nvSpPr>
          <p:cNvPr id="4" name="TextBox 16">
            <a:extLst>
              <a:ext uri="{FF2B5EF4-FFF2-40B4-BE49-F238E27FC236}">
                <a16:creationId xmlns:a16="http://schemas.microsoft.com/office/drawing/2014/main" id="{2AE2448E-0C0D-3BFF-E7A8-4BD44732D48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pic>
        <p:nvPicPr>
          <p:cNvPr id="1101923194" name="Dynamic cover logo hvid" descr="{&quot;templafy&quot;:{&quot;id&quot;:&quot;0f48f11c-8aaa-49ac-82f4-8fc420699d23&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400705265"/>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6000"/>
                                  </p:stCondLst>
                                  <p:childTnLst>
                                    <p:animMotion origin="layout" path="M -8.33333E-7 -1.48148E-6 L 0.21224 -1.48148E-6 " pathEditMode="relative" rAng="0" ptsTypes="AA">
                                      <p:cBhvr>
                                        <p:cTn id="6" dur="5000" fill="hold"/>
                                        <p:tgtEl>
                                          <p:spTgt spid="47"/>
                                        </p:tgtEl>
                                        <p:attrNameLst>
                                          <p:attrName>ppt_x</p:attrName>
                                          <p:attrName>ppt_y</p:attrName>
                                        </p:attrNameLst>
                                      </p:cBhvr>
                                      <p:rCtr x="10612" y="0"/>
                                    </p:animMotion>
                                  </p:childTnLst>
                                </p:cTn>
                              </p:par>
                              <p:par>
                                <p:cTn id="7" presetID="64" presetClass="path" presetSubtype="0" repeatCount="indefinite" accel="50000" decel="50000" autoRev="1" fill="hold" nodeType="withEffect">
                                  <p:stCondLst>
                                    <p:cond delay="1700"/>
                                  </p:stCondLst>
                                  <p:childTnLst>
                                    <p:animMotion origin="layout" path="M -1.875E-6 -7.40741E-7 L -1.875E-6 -0.09699 " pathEditMode="relative" rAng="0" ptsTypes="AA">
                                      <p:cBhvr>
                                        <p:cTn id="8" dur="6750" fill="hold"/>
                                        <p:tgtEl>
                                          <p:spTgt spid="46"/>
                                        </p:tgtEl>
                                        <p:attrNameLst>
                                          <p:attrName>ppt_x</p:attrName>
                                          <p:attrName>ppt_y</p:attrName>
                                        </p:attrNameLst>
                                      </p:cBhvr>
                                      <p:rCtr x="0" y="-4861"/>
                                    </p:animMotion>
                                  </p:childTnLst>
                                </p:cTn>
                              </p:par>
                              <p:par>
                                <p:cTn id="9" presetID="64" presetClass="path" presetSubtype="0" repeatCount="indefinite" accel="50000" decel="50000" autoRev="1" fill="hold" nodeType="withEffect">
                                  <p:stCondLst>
                                    <p:cond delay="2300"/>
                                  </p:stCondLst>
                                  <p:childTnLst>
                                    <p:animMotion origin="layout" path="M -1.875E-6 1.48148E-6 L -1.875E-6 -0.02917 " pathEditMode="relative" rAng="0" ptsTypes="AA">
                                      <p:cBhvr>
                                        <p:cTn id="10" dur="6750" fill="hold"/>
                                        <p:tgtEl>
                                          <p:spTgt spid="43"/>
                                        </p:tgtEl>
                                        <p:attrNameLst>
                                          <p:attrName>ppt_x</p:attrName>
                                          <p:attrName>ppt_y</p:attrName>
                                        </p:attrNameLst>
                                      </p:cBhvr>
                                      <p:rCtr x="0" y="-1458"/>
                                    </p:animMotion>
                                  </p:childTnLst>
                                </p:cTn>
                              </p:par>
                              <p:par>
                                <p:cTn id="11" presetID="42" presetClass="path" presetSubtype="0" repeatCount="indefinite" accel="50000" decel="50000" autoRev="1" fill="hold" nodeType="withEffect">
                                  <p:stCondLst>
                                    <p:cond delay="0"/>
                                  </p:stCondLst>
                                  <p:childTnLst>
                                    <p:animMotion origin="layout" path="M -2.91667E-6 3.7037E-7 L 0.05742 3.7037E-7 " pathEditMode="relative" rAng="0" ptsTypes="AA">
                                      <p:cBhvr>
                                        <p:cTn id="12" dur="6750" fill="hold"/>
                                        <p:tgtEl>
                                          <p:spTgt spid="40"/>
                                        </p:tgtEl>
                                        <p:attrNameLst>
                                          <p:attrName>ppt_x</p:attrName>
                                          <p:attrName>ppt_y</p:attrName>
                                        </p:attrNameLst>
                                      </p:cBhvr>
                                      <p:rCtr x="286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7" grpId="0" animBg="1"/>
    </p:bldLst>
  </p:timing>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Agenda A">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8FC84352-D824-4ADF-B67A-AA51ABA71A56}"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tx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669625" cy="4006800"/>
          </a:xfrm>
        </p:spPr>
        <p:txBody>
          <a:bodyPr/>
          <a:lstStyle>
            <a:lvl1pPr marL="0" indent="0">
              <a:lnSpc>
                <a:spcPts val="4400"/>
              </a:lnSpc>
              <a:spcAft>
                <a:spcPts val="0"/>
              </a:spcAft>
              <a:buFont typeface="Arial" panose="020B0604020202020204" pitchFamily="34" charset="0"/>
              <a:buChar char="​"/>
              <a:defRPr sz="4000" b="0">
                <a:solidFill>
                  <a:schemeClr val="tx1"/>
                </a:solidFill>
              </a:defRPr>
            </a:lvl1pPr>
            <a:lvl2pPr marL="0" indent="0">
              <a:lnSpc>
                <a:spcPts val="4400"/>
              </a:lnSpc>
              <a:spcAft>
                <a:spcPts val="0"/>
              </a:spcAft>
              <a:buFont typeface="Arial" panose="020B0604020202020204" pitchFamily="34" charset="0"/>
              <a:buChar char="​"/>
              <a:defRPr sz="4000" b="0">
                <a:solidFill>
                  <a:schemeClr val="tx1"/>
                </a:solidFill>
              </a:defRPr>
            </a:lvl2pPr>
            <a:lvl3pPr marL="0" indent="0">
              <a:lnSpc>
                <a:spcPts val="4400"/>
              </a:lnSpc>
              <a:spcAft>
                <a:spcPts val="0"/>
              </a:spcAft>
              <a:buFont typeface="Arial" panose="020B0604020202020204" pitchFamily="34" charset="0"/>
              <a:buChar char="​"/>
              <a:defRPr sz="4000" b="0">
                <a:solidFill>
                  <a:schemeClr val="tx1"/>
                </a:solidFill>
              </a:defRPr>
            </a:lvl3pPr>
            <a:lvl4pPr>
              <a:lnSpc>
                <a:spcPts val="4400"/>
              </a:lnSpc>
              <a:spcAft>
                <a:spcPts val="0"/>
              </a:spcAft>
              <a:buFont typeface="Arial" panose="020B0604020202020204" pitchFamily="34" charset="0"/>
              <a:buChar char="​"/>
              <a:defRPr sz="4000" b="0">
                <a:solidFill>
                  <a:schemeClr val="tx1"/>
                </a:solidFill>
              </a:defRPr>
            </a:lvl4pPr>
            <a:lvl5pPr>
              <a:lnSpc>
                <a:spcPts val="4400"/>
              </a:lnSpc>
              <a:spcAft>
                <a:spcPts val="0"/>
              </a:spcAft>
              <a:buFont typeface="Arial" panose="020B0604020202020204" pitchFamily="34" charset="0"/>
              <a:buChar char="​"/>
              <a:defRPr sz="4000" b="0">
                <a:solidFill>
                  <a:schemeClr val="tx1"/>
                </a:solidFill>
              </a:defRPr>
            </a:lvl5pPr>
            <a:lvl6pPr marL="0" indent="0">
              <a:lnSpc>
                <a:spcPts val="4400"/>
              </a:lnSpc>
              <a:spcAft>
                <a:spcPts val="0"/>
              </a:spcAft>
              <a:buFont typeface="Arial" panose="020B0604020202020204" pitchFamily="34" charset="0"/>
              <a:buChar char="​"/>
              <a:defRPr sz="4000" b="0">
                <a:solidFill>
                  <a:schemeClr val="tx1"/>
                </a:solidFill>
              </a:defRPr>
            </a:lvl6pPr>
            <a:lvl7pPr>
              <a:lnSpc>
                <a:spcPts val="4400"/>
              </a:lnSpc>
              <a:spcAft>
                <a:spcPts val="0"/>
              </a:spcAft>
              <a:defRPr sz="4000" b="0">
                <a:solidFill>
                  <a:schemeClr val="tx1"/>
                </a:solidFill>
              </a:defRPr>
            </a:lvl7pPr>
            <a:lvl8pPr>
              <a:lnSpc>
                <a:spcPts val="4400"/>
              </a:lnSpc>
              <a:spcAft>
                <a:spcPts val="0"/>
              </a:spcAft>
              <a:defRPr sz="4000" b="0">
                <a:solidFill>
                  <a:schemeClr val="tx1"/>
                </a:solidFill>
              </a:defRPr>
            </a:lvl8pPr>
            <a:lvl9pPr>
              <a:lnSpc>
                <a:spcPts val="4400"/>
              </a:lnSpc>
              <a:spcAft>
                <a:spcPts val="0"/>
              </a:spcAft>
              <a:defRPr sz="4000" b="0">
                <a:solidFill>
                  <a:schemeClr val="tx1"/>
                </a:solidFill>
              </a:defRPr>
            </a:lvl9pPr>
          </a:lstStyle>
          <a:p>
            <a:pPr lvl="0"/>
            <a:r>
              <a:rPr lang="da-DK" dirty="0"/>
              <a:t>01</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1576388" y="1944000"/>
            <a:ext cx="9966326" cy="4006800"/>
          </a:xfrm>
        </p:spPr>
        <p:txBody>
          <a:bodyPr/>
          <a:lstStyle>
            <a:lvl1pPr marL="0" indent="0">
              <a:lnSpc>
                <a:spcPts val="4400"/>
              </a:lnSpc>
              <a:spcAft>
                <a:spcPts val="0"/>
              </a:spcAft>
              <a:buFont typeface="Arial" panose="020B0604020202020204" pitchFamily="34" charset="0"/>
              <a:buChar char="​"/>
              <a:defRPr sz="4000">
                <a:solidFill>
                  <a:schemeClr val="tx1"/>
                </a:solidFill>
              </a:defRPr>
            </a:lvl1pPr>
            <a:lvl2pPr marL="0" indent="0">
              <a:lnSpc>
                <a:spcPts val="4400"/>
              </a:lnSpc>
              <a:spcBef>
                <a:spcPts val="0"/>
              </a:spcBef>
              <a:spcAft>
                <a:spcPts val="0"/>
              </a:spcAft>
              <a:buFont typeface="Arial" panose="020B0604020202020204" pitchFamily="34" charset="0"/>
              <a:buChar char="​"/>
              <a:defRPr sz="4000" b="0">
                <a:solidFill>
                  <a:schemeClr val="tx1"/>
                </a:solidFill>
              </a:defRPr>
            </a:lvl2pPr>
            <a:lvl3pPr marL="0" indent="0">
              <a:lnSpc>
                <a:spcPts val="4400"/>
              </a:lnSpc>
              <a:spcBef>
                <a:spcPts val="0"/>
              </a:spcBef>
              <a:spcAft>
                <a:spcPts val="0"/>
              </a:spcAft>
              <a:buFont typeface="Arial" panose="020B0604020202020204" pitchFamily="34" charset="0"/>
              <a:buChar char="​"/>
              <a:defRPr sz="4000" b="0">
                <a:solidFill>
                  <a:schemeClr val="tx1"/>
                </a:solidFill>
              </a:defRPr>
            </a:lvl3pPr>
            <a:lvl4pPr marL="0" indent="0">
              <a:lnSpc>
                <a:spcPts val="4400"/>
              </a:lnSpc>
              <a:spcBef>
                <a:spcPts val="0"/>
              </a:spcBef>
              <a:spcAft>
                <a:spcPts val="0"/>
              </a:spcAft>
              <a:buFont typeface="Arial" panose="020B0604020202020204" pitchFamily="34" charset="0"/>
              <a:buChar char="​"/>
              <a:defRPr sz="4000" b="0">
                <a:solidFill>
                  <a:schemeClr val="tx1"/>
                </a:solidFill>
              </a:defRPr>
            </a:lvl4pPr>
            <a:lvl5pPr marL="0" indent="0">
              <a:lnSpc>
                <a:spcPts val="4400"/>
              </a:lnSpc>
              <a:spcBef>
                <a:spcPts val="0"/>
              </a:spcBef>
              <a:spcAft>
                <a:spcPts val="0"/>
              </a:spcAft>
              <a:buFont typeface="Arial" panose="020B0604020202020204" pitchFamily="34" charset="0"/>
              <a:buChar char="​"/>
              <a:defRPr sz="4000" b="0">
                <a:solidFill>
                  <a:schemeClr val="tx1"/>
                </a:solidFill>
              </a:defRPr>
            </a:lvl5pPr>
            <a:lvl6pPr marL="0" indent="0">
              <a:lnSpc>
                <a:spcPts val="4400"/>
              </a:lnSpc>
              <a:spcBef>
                <a:spcPts val="0"/>
              </a:spcBef>
              <a:spcAft>
                <a:spcPts val="0"/>
              </a:spcAft>
              <a:buFont typeface="Arial" panose="020B0604020202020204" pitchFamily="34" charset="0"/>
              <a:buChar char="​"/>
              <a:defRPr sz="4000" b="0">
                <a:solidFill>
                  <a:schemeClr val="tx1"/>
                </a:solidFill>
              </a:defRPr>
            </a:lvl6pPr>
            <a:lvl7pPr marL="0" indent="0">
              <a:lnSpc>
                <a:spcPts val="4400"/>
              </a:lnSpc>
              <a:spcBef>
                <a:spcPts val="0"/>
              </a:spcBef>
              <a:spcAft>
                <a:spcPts val="0"/>
              </a:spcAft>
              <a:buFont typeface="Arial" panose="020B0604020202020204" pitchFamily="34" charset="0"/>
              <a:buChar char="​"/>
              <a:defRPr sz="4000" b="0">
                <a:solidFill>
                  <a:schemeClr val="tx1"/>
                </a:solidFill>
              </a:defRPr>
            </a:lvl7pPr>
            <a:lvl8pPr marL="0" indent="0">
              <a:lnSpc>
                <a:spcPts val="4400"/>
              </a:lnSpc>
              <a:spcBef>
                <a:spcPts val="0"/>
              </a:spcBef>
              <a:spcAft>
                <a:spcPts val="0"/>
              </a:spcAft>
              <a:buFont typeface="Arial" panose="020B0604020202020204" pitchFamily="34" charset="0"/>
              <a:buChar char="​"/>
              <a:defRPr sz="4000" b="0">
                <a:solidFill>
                  <a:schemeClr val="tx1"/>
                </a:solidFill>
              </a:defRPr>
            </a:lvl8pPr>
            <a:lvl9pPr marL="0" indent="0">
              <a:lnSpc>
                <a:spcPts val="4400"/>
              </a:lnSpc>
              <a:spcBef>
                <a:spcPts val="0"/>
              </a:spcBef>
              <a:spcAft>
                <a:spcPts val="0"/>
              </a:spcAft>
              <a:buFont typeface="Arial" panose="020B0604020202020204" pitchFamily="34" charset="0"/>
              <a:buChar char="​"/>
              <a:defRPr sz="4000" b="0">
                <a:solidFill>
                  <a:schemeClr val="tx1"/>
                </a:solidFill>
              </a:defRPr>
            </a:lvl9pPr>
          </a:lstStyle>
          <a:p>
            <a:pPr lvl="0"/>
            <a:r>
              <a:rPr lang="da-DK" noProof="0" dirty="0"/>
              <a:t>Klik for at tilføje agendapunkt</a:t>
            </a:r>
            <a:endParaRPr lang="da-DK" dirty="0"/>
          </a:p>
          <a:p>
            <a:pPr lvl="1"/>
            <a:endParaRPr lang="da-DK" noProof="0" dirty="0"/>
          </a:p>
        </p:txBody>
      </p:sp>
      <p:pic>
        <p:nvPicPr>
          <p:cNvPr id="836236704" name="Dynamic logo hvid" descr="{&quot;templafy&quot;:{&quot;id&quot;:&quot;fbc71398-c368-4df6-82ea-801bcdcc94b0&quot;}}"/>
          <p:cNvPicPr>
            <a:picLocks noChangeAspect="1"/>
          </p:cNvPicPr>
          <p:nvPr/>
        </p:nvPicPr>
        <p:blipFill>
          <a:blip r:embed="rId2"/>
          <a:stretch>
            <a:fillRect/>
          </a:stretch>
        </p:blipFill>
        <p:spPr>
          <a:xfrm>
            <a:off x="0" y="6146006"/>
            <a:ext cx="3224210" cy="720000"/>
          </a:xfrm>
          <a:prstGeom prst="rect">
            <a:avLst/>
          </a:prstGeom>
        </p:spPr>
      </p:pic>
    </p:spTree>
    <p:extLst>
      <p:ext uri="{BB962C8B-B14F-4D97-AF65-F5344CB8AC3E}">
        <p14:creationId xmlns:p14="http://schemas.microsoft.com/office/powerpoint/2010/main" val="987217158"/>
      </p:ext>
    </p:extLst>
  </p:cSld>
  <p:clrMapOvr>
    <a:overrideClrMapping bg1="dk1" tx1="lt1" bg2="dk2" tx2="lt2" accent1="accent1" accent2="accent2" accent3="accent3" accent4="accent4" accent5="accent5" accent6="accent6" hlink="hlink" folHlink="folHlink"/>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450723F5-A138-4A95-806D-9BEAFEEC8B34}"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accent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669625" cy="4006800"/>
          </a:xfrm>
        </p:spPr>
        <p:txBody>
          <a:bodyPr/>
          <a:lstStyle>
            <a:lvl1pPr marL="0" indent="0">
              <a:lnSpc>
                <a:spcPts val="4400"/>
              </a:lnSpc>
              <a:spcAft>
                <a:spcPts val="0"/>
              </a:spcAft>
              <a:buFont typeface="Arial" panose="020B0604020202020204" pitchFamily="34" charset="0"/>
              <a:buChar char="​"/>
              <a:defRPr sz="4000" b="0">
                <a:solidFill>
                  <a:schemeClr val="accent1"/>
                </a:solidFill>
              </a:defRPr>
            </a:lvl1pPr>
            <a:lvl2pPr marL="0" indent="0">
              <a:lnSpc>
                <a:spcPts val="4400"/>
              </a:lnSpc>
              <a:spcAft>
                <a:spcPts val="0"/>
              </a:spcAft>
              <a:buFont typeface="Arial" panose="020B0604020202020204" pitchFamily="34" charset="0"/>
              <a:buChar char="​"/>
              <a:defRPr sz="4000" b="0">
                <a:solidFill>
                  <a:schemeClr val="accent1"/>
                </a:solidFill>
              </a:defRPr>
            </a:lvl2pPr>
            <a:lvl3pPr marL="0" indent="0">
              <a:lnSpc>
                <a:spcPts val="4400"/>
              </a:lnSpc>
              <a:spcAft>
                <a:spcPts val="0"/>
              </a:spcAft>
              <a:buFont typeface="Arial" panose="020B0604020202020204" pitchFamily="34" charset="0"/>
              <a:buChar char="​"/>
              <a:defRPr sz="4000" b="0">
                <a:solidFill>
                  <a:schemeClr val="accent1"/>
                </a:solidFill>
              </a:defRPr>
            </a:lvl3pPr>
            <a:lvl4pPr>
              <a:lnSpc>
                <a:spcPts val="4400"/>
              </a:lnSpc>
              <a:spcAft>
                <a:spcPts val="0"/>
              </a:spcAft>
              <a:buFont typeface="Arial" panose="020B0604020202020204" pitchFamily="34" charset="0"/>
              <a:buChar char="​"/>
              <a:defRPr sz="4000" b="0">
                <a:solidFill>
                  <a:schemeClr val="accent1"/>
                </a:solidFill>
              </a:defRPr>
            </a:lvl4pPr>
            <a:lvl5pPr>
              <a:lnSpc>
                <a:spcPts val="4400"/>
              </a:lnSpc>
              <a:spcAft>
                <a:spcPts val="0"/>
              </a:spcAft>
              <a:buFont typeface="Arial" panose="020B0604020202020204" pitchFamily="34" charset="0"/>
              <a:buChar char="​"/>
              <a:defRPr sz="4000" b="0">
                <a:solidFill>
                  <a:schemeClr val="accent1"/>
                </a:solidFill>
              </a:defRPr>
            </a:lvl5pPr>
            <a:lvl6pPr marL="0" indent="0">
              <a:lnSpc>
                <a:spcPts val="4400"/>
              </a:lnSpc>
              <a:spcAft>
                <a:spcPts val="0"/>
              </a:spcAft>
              <a:buFont typeface="Arial" panose="020B0604020202020204" pitchFamily="34" charset="0"/>
              <a:buChar char="​"/>
              <a:defRPr sz="4000" b="0">
                <a:solidFill>
                  <a:schemeClr val="accent1"/>
                </a:solidFill>
              </a:defRPr>
            </a:lvl6pPr>
            <a:lvl7pPr>
              <a:lnSpc>
                <a:spcPts val="4400"/>
              </a:lnSpc>
              <a:spcAft>
                <a:spcPts val="0"/>
              </a:spcAft>
              <a:defRPr sz="4000" b="0">
                <a:solidFill>
                  <a:schemeClr val="accent1"/>
                </a:solidFill>
              </a:defRPr>
            </a:lvl7pPr>
            <a:lvl8pPr>
              <a:lnSpc>
                <a:spcPts val="4400"/>
              </a:lnSpc>
              <a:spcAft>
                <a:spcPts val="0"/>
              </a:spcAft>
              <a:defRPr sz="4000" b="0">
                <a:solidFill>
                  <a:schemeClr val="accent1"/>
                </a:solidFill>
              </a:defRPr>
            </a:lvl8pPr>
            <a:lvl9pPr>
              <a:lnSpc>
                <a:spcPts val="4400"/>
              </a:lnSpc>
              <a:spcAft>
                <a:spcPts val="0"/>
              </a:spcAft>
              <a:defRPr sz="4000" b="0">
                <a:solidFill>
                  <a:schemeClr val="accent1"/>
                </a:solidFill>
              </a:defRPr>
            </a:lvl9pPr>
          </a:lstStyle>
          <a:p>
            <a:pPr lvl="0"/>
            <a:r>
              <a:rPr lang="da-DK" dirty="0"/>
              <a:t>01</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1576388" y="1944000"/>
            <a:ext cx="9966326" cy="4006800"/>
          </a:xfrm>
        </p:spPr>
        <p:txBody>
          <a:bodyPr/>
          <a:lstStyle>
            <a:lvl1pPr marL="0" indent="0">
              <a:lnSpc>
                <a:spcPts val="4400"/>
              </a:lnSpc>
              <a:spcAft>
                <a:spcPts val="0"/>
              </a:spcAft>
              <a:buFont typeface="Arial" panose="020B0604020202020204" pitchFamily="34" charset="0"/>
              <a:buChar char="​"/>
              <a:defRPr sz="4000">
                <a:solidFill>
                  <a:schemeClr val="accent1"/>
                </a:solidFill>
              </a:defRPr>
            </a:lvl1pPr>
            <a:lvl2pPr marL="0" indent="0">
              <a:lnSpc>
                <a:spcPts val="4400"/>
              </a:lnSpc>
              <a:spcBef>
                <a:spcPts val="0"/>
              </a:spcBef>
              <a:spcAft>
                <a:spcPts val="0"/>
              </a:spcAft>
              <a:buFont typeface="Arial" panose="020B0604020202020204" pitchFamily="34" charset="0"/>
              <a:buChar char="​"/>
              <a:defRPr sz="4000" b="0">
                <a:solidFill>
                  <a:schemeClr val="accent1"/>
                </a:solidFill>
              </a:defRPr>
            </a:lvl2pPr>
            <a:lvl3pPr marL="0" indent="0">
              <a:lnSpc>
                <a:spcPts val="4400"/>
              </a:lnSpc>
              <a:spcBef>
                <a:spcPts val="0"/>
              </a:spcBef>
              <a:spcAft>
                <a:spcPts val="0"/>
              </a:spcAft>
              <a:buFont typeface="Arial" panose="020B0604020202020204" pitchFamily="34" charset="0"/>
              <a:buChar char="​"/>
              <a:defRPr sz="4000" b="0">
                <a:solidFill>
                  <a:schemeClr val="accent1"/>
                </a:solidFill>
              </a:defRPr>
            </a:lvl3pPr>
            <a:lvl4pPr marL="0" indent="0">
              <a:lnSpc>
                <a:spcPts val="4400"/>
              </a:lnSpc>
              <a:spcBef>
                <a:spcPts val="0"/>
              </a:spcBef>
              <a:spcAft>
                <a:spcPts val="0"/>
              </a:spcAft>
              <a:buFont typeface="Arial" panose="020B0604020202020204" pitchFamily="34" charset="0"/>
              <a:buChar char="​"/>
              <a:defRPr sz="4000" b="0">
                <a:solidFill>
                  <a:schemeClr val="accent1"/>
                </a:solidFill>
              </a:defRPr>
            </a:lvl4pPr>
            <a:lvl5pPr marL="0" indent="0">
              <a:lnSpc>
                <a:spcPts val="4400"/>
              </a:lnSpc>
              <a:spcBef>
                <a:spcPts val="0"/>
              </a:spcBef>
              <a:spcAft>
                <a:spcPts val="0"/>
              </a:spcAft>
              <a:buFont typeface="Arial" panose="020B0604020202020204" pitchFamily="34" charset="0"/>
              <a:buChar char="​"/>
              <a:defRPr sz="4000" b="0">
                <a:solidFill>
                  <a:schemeClr val="accent1"/>
                </a:solidFill>
              </a:defRPr>
            </a:lvl5pPr>
            <a:lvl6pPr marL="0" indent="0">
              <a:lnSpc>
                <a:spcPts val="4400"/>
              </a:lnSpc>
              <a:spcBef>
                <a:spcPts val="0"/>
              </a:spcBef>
              <a:spcAft>
                <a:spcPts val="0"/>
              </a:spcAft>
              <a:buFont typeface="Arial" panose="020B0604020202020204" pitchFamily="34" charset="0"/>
              <a:buChar char="​"/>
              <a:defRPr sz="4000" b="0">
                <a:solidFill>
                  <a:schemeClr val="accent1"/>
                </a:solidFill>
              </a:defRPr>
            </a:lvl6pPr>
            <a:lvl7pPr marL="0" indent="0">
              <a:lnSpc>
                <a:spcPts val="4400"/>
              </a:lnSpc>
              <a:spcBef>
                <a:spcPts val="0"/>
              </a:spcBef>
              <a:spcAft>
                <a:spcPts val="0"/>
              </a:spcAft>
              <a:buFont typeface="Arial" panose="020B0604020202020204" pitchFamily="34" charset="0"/>
              <a:buChar char="​"/>
              <a:defRPr sz="4000" b="0">
                <a:solidFill>
                  <a:schemeClr val="accent1"/>
                </a:solidFill>
              </a:defRPr>
            </a:lvl7pPr>
            <a:lvl8pPr marL="0" indent="0">
              <a:lnSpc>
                <a:spcPts val="4400"/>
              </a:lnSpc>
              <a:spcBef>
                <a:spcPts val="0"/>
              </a:spcBef>
              <a:spcAft>
                <a:spcPts val="0"/>
              </a:spcAft>
              <a:buFont typeface="Arial" panose="020B0604020202020204" pitchFamily="34" charset="0"/>
              <a:buChar char="​"/>
              <a:defRPr sz="4000" b="0">
                <a:solidFill>
                  <a:schemeClr val="accent1"/>
                </a:solidFill>
              </a:defRPr>
            </a:lvl8pPr>
            <a:lvl9pPr marL="0" indent="0">
              <a:lnSpc>
                <a:spcPts val="4400"/>
              </a:lnSpc>
              <a:spcBef>
                <a:spcPts val="0"/>
              </a:spcBef>
              <a:spcAft>
                <a:spcPts val="0"/>
              </a:spcAft>
              <a:buFont typeface="Arial" panose="020B0604020202020204" pitchFamily="34" charset="0"/>
              <a:buChar char="​"/>
              <a:defRPr sz="4000" b="0">
                <a:solidFill>
                  <a:schemeClr val="accent1"/>
                </a:solidFill>
              </a:defRPr>
            </a:lvl9pPr>
          </a:lstStyle>
          <a:p>
            <a:pPr lvl="0"/>
            <a:r>
              <a:rPr lang="da-DK" noProof="0" dirty="0"/>
              <a:t>Klik for at tilføje agendapunkt</a:t>
            </a:r>
            <a:endParaRPr lang="da-DK" dirty="0"/>
          </a:p>
          <a:p>
            <a:pPr lvl="1"/>
            <a:endParaRPr lang="da-DK" noProof="0" dirty="0"/>
          </a:p>
        </p:txBody>
      </p:sp>
    </p:spTree>
    <p:extLst>
      <p:ext uri="{BB962C8B-B14F-4D97-AF65-F5344CB8AC3E}">
        <p14:creationId xmlns:p14="http://schemas.microsoft.com/office/powerpoint/2010/main" val="3585765592"/>
      </p:ext>
    </p:extLst>
  </p:cSld>
  <p:clrMapOvr>
    <a:overrideClrMapping bg1="lt1" tx1="dk1" bg2="lt2" tx2="dk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Forside billede D">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B9D254C8-3CF1-61FB-D1B5-12181816FD81}"/>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91CD3CCE-C6CC-49D5-87B5-317FF0CBE116}" type="datetime2">
              <a:rPr lang="da-DK" smtClean="0"/>
              <a:t>11. september 2024</a:t>
            </a:fld>
            <a:endParaRPr lang="da-DK" dirty="0"/>
          </a:p>
        </p:txBody>
      </p:sp>
      <p:sp>
        <p:nvSpPr>
          <p:cNvPr id="11" name="Footer Placeholder 8" hidden="1">
            <a:extLst>
              <a:ext uri="{FF2B5EF4-FFF2-40B4-BE49-F238E27FC236}">
                <a16:creationId xmlns:a16="http://schemas.microsoft.com/office/drawing/2014/main" id="{7AC1EA72-2ABB-A105-6A9A-CF2A2F6E8890}"/>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38A0F504-3DCC-14C8-F974-E890C35FE8B8}"/>
              </a:ext>
            </a:extLst>
          </p:cNvPr>
          <p:cNvSpPr>
            <a:spLocks noGrp="1" noRot="1" noMove="1" noResize="1" noEditPoints="1" noAdjustHandles="1" noChangeArrowheads="1" noChangeShapeType="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2" name="Title 1">
            <a:extLst>
              <a:ext uri="{FF2B5EF4-FFF2-40B4-BE49-F238E27FC236}">
                <a16:creationId xmlns:a16="http://schemas.microsoft.com/office/drawing/2014/main" id="{BAA1FC40-0E07-46B2-80F9-1324562DE668}"/>
              </a:ext>
            </a:extLst>
          </p:cNvPr>
          <p:cNvSpPr>
            <a:spLocks noGrp="1"/>
          </p:cNvSpPr>
          <p:nvPr>
            <p:ph type="title" hasCustomPrompt="1"/>
          </p:nvPr>
        </p:nvSpPr>
        <p:spPr/>
        <p:txBody>
          <a:bodyPr/>
          <a:lstStyle>
            <a:lvl1pPr>
              <a:defRPr sz="4800">
                <a:solidFill>
                  <a:schemeClr val="bg1"/>
                </a:solidFill>
              </a:defRPr>
            </a:lvl1pPr>
          </a:lstStyle>
          <a:p>
            <a:r>
              <a:rPr lang="da-DK" dirty="0"/>
              <a:t>Overskriften flyttes op eller ned afhængig af motiv i foto. Max. 2 linjer</a:t>
            </a:r>
          </a:p>
        </p:txBody>
      </p:sp>
      <p:sp>
        <p:nvSpPr>
          <p:cNvPr id="4" name="TextBox 16">
            <a:extLst>
              <a:ext uri="{FF2B5EF4-FFF2-40B4-BE49-F238E27FC236}">
                <a16:creationId xmlns:a16="http://schemas.microsoft.com/office/drawing/2014/main" id="{FEB0DF23-2BCC-CAD7-380E-9DB66BFF5E6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6" name="Pladsholder til tekst 5">
            <a:extLst>
              <a:ext uri="{FF2B5EF4-FFF2-40B4-BE49-F238E27FC236}">
                <a16:creationId xmlns:a16="http://schemas.microsoft.com/office/drawing/2014/main" id="{F6C734C7-BFE5-3D6F-DACF-E24F16203A41}"/>
              </a:ext>
            </a:extLst>
          </p:cNvPr>
          <p:cNvSpPr>
            <a:spLocks noGrp="1"/>
          </p:cNvSpPr>
          <p:nvPr>
            <p:ph type="body" sz="quarter" idx="18" hasCustomPrompt="1"/>
          </p:nvPr>
        </p:nvSpPr>
        <p:spPr>
          <a:xfrm>
            <a:off x="8619565" y="3854727"/>
            <a:ext cx="2923147" cy="1850037"/>
          </a:xfrm>
          <a:custGeom>
            <a:avLst/>
            <a:gdLst>
              <a:gd name="connsiteX0" fmla="*/ 0 w 2787650"/>
              <a:gd name="connsiteY0" fmla="*/ 179816 h 1764282"/>
              <a:gd name="connsiteX1" fmla="*/ 179816 w 2787650"/>
              <a:gd name="connsiteY1" fmla="*/ 0 h 1764282"/>
              <a:gd name="connsiteX2" fmla="*/ 2607834 w 2787650"/>
              <a:gd name="connsiteY2" fmla="*/ 0 h 1764282"/>
              <a:gd name="connsiteX3" fmla="*/ 2787650 w 2787650"/>
              <a:gd name="connsiteY3" fmla="*/ 179816 h 1764282"/>
              <a:gd name="connsiteX4" fmla="*/ 2787650 w 2787650"/>
              <a:gd name="connsiteY4" fmla="*/ 1584466 h 1764282"/>
              <a:gd name="connsiteX5" fmla="*/ 2607834 w 2787650"/>
              <a:gd name="connsiteY5" fmla="*/ 1764282 h 1764282"/>
              <a:gd name="connsiteX6" fmla="*/ 179816 w 2787650"/>
              <a:gd name="connsiteY6" fmla="*/ 1764282 h 1764282"/>
              <a:gd name="connsiteX7" fmla="*/ 0 w 2787650"/>
              <a:gd name="connsiteY7" fmla="*/ 1584466 h 1764282"/>
              <a:gd name="connsiteX8" fmla="*/ 0 w 2787650"/>
              <a:gd name="connsiteY8" fmla="*/ 179816 h 1764282"/>
              <a:gd name="connsiteX0" fmla="*/ 3 w 2787653"/>
              <a:gd name="connsiteY0" fmla="*/ 179816 h 1764282"/>
              <a:gd name="connsiteX1" fmla="*/ 179819 w 2787653"/>
              <a:gd name="connsiteY1" fmla="*/ 0 h 1764282"/>
              <a:gd name="connsiteX2" fmla="*/ 2607837 w 2787653"/>
              <a:gd name="connsiteY2" fmla="*/ 0 h 1764282"/>
              <a:gd name="connsiteX3" fmla="*/ 2787653 w 2787653"/>
              <a:gd name="connsiteY3" fmla="*/ 179816 h 1764282"/>
              <a:gd name="connsiteX4" fmla="*/ 2787653 w 2787653"/>
              <a:gd name="connsiteY4" fmla="*/ 1584466 h 1764282"/>
              <a:gd name="connsiteX5" fmla="*/ 2607837 w 2787653"/>
              <a:gd name="connsiteY5" fmla="*/ 1764282 h 1764282"/>
              <a:gd name="connsiteX6" fmla="*/ 179819 w 2787653"/>
              <a:gd name="connsiteY6" fmla="*/ 1764282 h 1764282"/>
              <a:gd name="connsiteX7" fmla="*/ 3 w 2787653"/>
              <a:gd name="connsiteY7" fmla="*/ 1584466 h 1764282"/>
              <a:gd name="connsiteX8" fmla="*/ 3 w 2787653"/>
              <a:gd name="connsiteY8" fmla="*/ 179816 h 1764282"/>
              <a:gd name="connsiteX0" fmla="*/ 3 w 2787653"/>
              <a:gd name="connsiteY0" fmla="*/ 181162 h 1765628"/>
              <a:gd name="connsiteX1" fmla="*/ 179819 w 2787653"/>
              <a:gd name="connsiteY1" fmla="*/ 1346 h 1765628"/>
              <a:gd name="connsiteX2" fmla="*/ 2607837 w 2787653"/>
              <a:gd name="connsiteY2" fmla="*/ 1346 h 1765628"/>
              <a:gd name="connsiteX3" fmla="*/ 2787653 w 2787653"/>
              <a:gd name="connsiteY3" fmla="*/ 181162 h 1765628"/>
              <a:gd name="connsiteX4" fmla="*/ 2787653 w 2787653"/>
              <a:gd name="connsiteY4" fmla="*/ 1585812 h 1765628"/>
              <a:gd name="connsiteX5" fmla="*/ 2607837 w 2787653"/>
              <a:gd name="connsiteY5" fmla="*/ 1765628 h 1765628"/>
              <a:gd name="connsiteX6" fmla="*/ 179819 w 2787653"/>
              <a:gd name="connsiteY6" fmla="*/ 1765628 h 1765628"/>
              <a:gd name="connsiteX7" fmla="*/ 3 w 2787653"/>
              <a:gd name="connsiteY7" fmla="*/ 1585812 h 1765628"/>
              <a:gd name="connsiteX8" fmla="*/ 3 w 2787653"/>
              <a:gd name="connsiteY8" fmla="*/ 181162 h 1765628"/>
              <a:gd name="connsiteX0" fmla="*/ 0 w 2787650"/>
              <a:gd name="connsiteY0" fmla="*/ 179816 h 1764282"/>
              <a:gd name="connsiteX1" fmla="*/ 179816 w 2787650"/>
              <a:gd name="connsiteY1" fmla="*/ 0 h 1764282"/>
              <a:gd name="connsiteX2" fmla="*/ 2607834 w 2787650"/>
              <a:gd name="connsiteY2" fmla="*/ 0 h 1764282"/>
              <a:gd name="connsiteX3" fmla="*/ 2787650 w 2787650"/>
              <a:gd name="connsiteY3" fmla="*/ 179816 h 1764282"/>
              <a:gd name="connsiteX4" fmla="*/ 2787650 w 2787650"/>
              <a:gd name="connsiteY4" fmla="*/ 1584466 h 1764282"/>
              <a:gd name="connsiteX5" fmla="*/ 2607834 w 2787650"/>
              <a:gd name="connsiteY5" fmla="*/ 1764282 h 1764282"/>
              <a:gd name="connsiteX6" fmla="*/ 179816 w 2787650"/>
              <a:gd name="connsiteY6" fmla="*/ 1764282 h 1764282"/>
              <a:gd name="connsiteX7" fmla="*/ 0 w 2787650"/>
              <a:gd name="connsiteY7" fmla="*/ 1584466 h 1764282"/>
              <a:gd name="connsiteX8" fmla="*/ 0 w 2787650"/>
              <a:gd name="connsiteY8" fmla="*/ 179816 h 1764282"/>
              <a:gd name="connsiteX0" fmla="*/ 0 w 2787650"/>
              <a:gd name="connsiteY0" fmla="*/ 179816 h 1764282"/>
              <a:gd name="connsiteX1" fmla="*/ 86566 w 2787650"/>
              <a:gd name="connsiteY1" fmla="*/ 814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52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52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2335 w 2789985"/>
              <a:gd name="connsiteY0" fmla="*/ 179816 h 1764282"/>
              <a:gd name="connsiteX1" fmla="*/ 1 w 2789985"/>
              <a:gd name="connsiteY1" fmla="*/ 140 h 1764282"/>
              <a:gd name="connsiteX2" fmla="*/ 182151 w 2789985"/>
              <a:gd name="connsiteY2" fmla="*/ 0 h 1764282"/>
              <a:gd name="connsiteX3" fmla="*/ 2610169 w 2789985"/>
              <a:gd name="connsiteY3" fmla="*/ 0 h 1764282"/>
              <a:gd name="connsiteX4" fmla="*/ 2789985 w 2789985"/>
              <a:gd name="connsiteY4" fmla="*/ 179816 h 1764282"/>
              <a:gd name="connsiteX5" fmla="*/ 2789985 w 2789985"/>
              <a:gd name="connsiteY5" fmla="*/ 1584466 h 1764282"/>
              <a:gd name="connsiteX6" fmla="*/ 2610169 w 2789985"/>
              <a:gd name="connsiteY6" fmla="*/ 1764282 h 1764282"/>
              <a:gd name="connsiteX7" fmla="*/ 182151 w 2789985"/>
              <a:gd name="connsiteY7" fmla="*/ 1764282 h 1764282"/>
              <a:gd name="connsiteX8" fmla="*/ 2335 w 2789985"/>
              <a:gd name="connsiteY8" fmla="*/ 1584466 h 1764282"/>
              <a:gd name="connsiteX9" fmla="*/ 2335 w 2789985"/>
              <a:gd name="connsiteY9" fmla="*/ 179816 h 1764282"/>
              <a:gd name="connsiteX0" fmla="*/ 0 w 2787650"/>
              <a:gd name="connsiteY0" fmla="*/ 179816 h 1764282"/>
              <a:gd name="connsiteX1" fmla="*/ 2746 w 2787650"/>
              <a:gd name="connsiteY1" fmla="*/ 14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14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787650" h="1764282">
                <a:moveTo>
                  <a:pt x="0" y="179816"/>
                </a:moveTo>
                <a:cubicBezTo>
                  <a:pt x="69" y="121617"/>
                  <a:pt x="137" y="15159"/>
                  <a:pt x="206" y="140"/>
                </a:cubicBezTo>
                <a:lnTo>
                  <a:pt x="179816" y="0"/>
                </a:lnTo>
                <a:lnTo>
                  <a:pt x="2607834" y="0"/>
                </a:lnTo>
                <a:cubicBezTo>
                  <a:pt x="2707144" y="0"/>
                  <a:pt x="2787650" y="80506"/>
                  <a:pt x="2787650" y="179816"/>
                </a:cubicBezTo>
                <a:lnTo>
                  <a:pt x="2787650" y="1584466"/>
                </a:lnTo>
                <a:cubicBezTo>
                  <a:pt x="2787650" y="1683776"/>
                  <a:pt x="2707144" y="1764282"/>
                  <a:pt x="2607834" y="1764282"/>
                </a:cubicBezTo>
                <a:lnTo>
                  <a:pt x="179816" y="1764282"/>
                </a:lnTo>
                <a:cubicBezTo>
                  <a:pt x="80506" y="1764282"/>
                  <a:pt x="0" y="1683776"/>
                  <a:pt x="0" y="1584466"/>
                </a:cubicBezTo>
                <a:lnTo>
                  <a:pt x="0" y="179816"/>
                </a:lnTo>
                <a:close/>
              </a:path>
            </a:pathLst>
          </a:custGeom>
          <a:ln w="15875">
            <a:solidFill>
              <a:schemeClr val="bg1"/>
            </a:solidFill>
          </a:ln>
        </p:spPr>
        <p:txBody>
          <a:bodyPr lIns="72000" tIns="72000" rIns="72000" bIns="72000" anchor="ctr" anchorCtr="0"/>
          <a:lstStyle>
            <a:lvl1pPr marL="0" indent="0" algn="ctr">
              <a:lnSpc>
                <a:spcPct val="100000"/>
              </a:lnSpc>
              <a:spcAft>
                <a:spcPts val="0"/>
              </a:spcAft>
              <a:buFont typeface="Arial" panose="020B0604020202020204" pitchFamily="34" charset="0"/>
              <a:buNone/>
              <a:defRPr sz="9600" b="0">
                <a:solidFill>
                  <a:schemeClr val="bg1"/>
                </a:solidFill>
                <a:latin typeface="DI Numbers Office" pitchFamily="2" charset="0"/>
              </a:defRPr>
            </a:lvl1pPr>
            <a:lvl2pPr marL="0" indent="0">
              <a:lnSpc>
                <a:spcPct val="87000"/>
              </a:lnSpc>
              <a:spcAft>
                <a:spcPts val="0"/>
              </a:spcAft>
              <a:buFont typeface="Arial" panose="020B0604020202020204" pitchFamily="34" charset="0"/>
              <a:buNone/>
              <a:defRPr sz="6000" b="0">
                <a:latin typeface="DI Numbers Office" pitchFamily="2" charset="0"/>
              </a:defRPr>
            </a:lvl2pPr>
            <a:lvl3pPr marL="0" indent="0">
              <a:lnSpc>
                <a:spcPct val="87000"/>
              </a:lnSpc>
              <a:spcAft>
                <a:spcPts val="0"/>
              </a:spcAft>
              <a:buFont typeface="Arial" panose="020B0604020202020204" pitchFamily="34" charset="0"/>
              <a:buNone/>
              <a:defRPr sz="6000" b="0">
                <a:latin typeface="DI Numbers Office" pitchFamily="2" charset="0"/>
              </a:defRPr>
            </a:lvl3pPr>
            <a:lvl4pPr marL="0" indent="0">
              <a:lnSpc>
                <a:spcPct val="87000"/>
              </a:lnSpc>
              <a:spcAft>
                <a:spcPts val="0"/>
              </a:spcAft>
              <a:buFont typeface="Arial" panose="020B0604020202020204" pitchFamily="34" charset="0"/>
              <a:buNone/>
              <a:defRPr sz="6000" b="0">
                <a:latin typeface="DI Numbers Office" pitchFamily="2" charset="0"/>
              </a:defRPr>
            </a:lvl4pPr>
            <a:lvl5pPr marL="0" indent="0">
              <a:lnSpc>
                <a:spcPct val="87000"/>
              </a:lnSpc>
              <a:spcAft>
                <a:spcPts val="0"/>
              </a:spcAft>
              <a:buFont typeface="Arial" panose="020B0604020202020204" pitchFamily="34" charset="0"/>
              <a:buNone/>
              <a:defRPr sz="6000" b="0">
                <a:latin typeface="DI Numbers Office" pitchFamily="2" charset="0"/>
              </a:defRPr>
            </a:lvl5pPr>
            <a:lvl6pPr marL="0" indent="0">
              <a:lnSpc>
                <a:spcPct val="87000"/>
              </a:lnSpc>
              <a:spcAft>
                <a:spcPts val="0"/>
              </a:spcAft>
              <a:buFont typeface="Arial" panose="020B0604020202020204" pitchFamily="34" charset="0"/>
              <a:buNone/>
              <a:defRPr sz="6000" b="0">
                <a:latin typeface="DI Numbers Office" pitchFamily="2" charset="0"/>
              </a:defRPr>
            </a:lvl6pPr>
            <a:lvl7pPr marL="0" indent="0">
              <a:lnSpc>
                <a:spcPct val="87000"/>
              </a:lnSpc>
              <a:spcAft>
                <a:spcPts val="0"/>
              </a:spcAft>
              <a:buFont typeface="Arial" panose="020B0604020202020204" pitchFamily="34" charset="0"/>
              <a:buNone/>
              <a:defRPr sz="6000" b="0">
                <a:latin typeface="DI Numbers Office" pitchFamily="2" charset="0"/>
              </a:defRPr>
            </a:lvl7pPr>
            <a:lvl8pPr marL="0" indent="0">
              <a:lnSpc>
                <a:spcPct val="87000"/>
              </a:lnSpc>
              <a:spcAft>
                <a:spcPts val="0"/>
              </a:spcAft>
              <a:buFont typeface="Arial" panose="020B0604020202020204" pitchFamily="34" charset="0"/>
              <a:buNone/>
              <a:defRPr sz="6000" b="0">
                <a:latin typeface="DI Numbers Office" pitchFamily="2" charset="0"/>
              </a:defRPr>
            </a:lvl8pPr>
            <a:lvl9pPr marL="0" indent="0">
              <a:lnSpc>
                <a:spcPct val="87000"/>
              </a:lnSpc>
              <a:spcAft>
                <a:spcPts val="0"/>
              </a:spcAft>
              <a:buFont typeface="Arial" panose="020B0604020202020204" pitchFamily="34" charset="0"/>
              <a:buNone/>
              <a:defRPr sz="6000" b="0">
                <a:latin typeface="DI Numbers Office" pitchFamily="2" charset="0"/>
              </a:defRPr>
            </a:lvl9pPr>
          </a:lstStyle>
          <a:p>
            <a:pPr lvl="0"/>
            <a:r>
              <a:rPr lang="da-DK" noProof="0" dirty="0"/>
              <a:t>100%</a:t>
            </a:r>
            <a:endParaRPr lang="da-DK" dirty="0"/>
          </a:p>
        </p:txBody>
      </p:sp>
      <p:sp>
        <p:nvSpPr>
          <p:cNvPr id="3" name="Pladsholder til tekst navn">
            <a:extLst>
              <a:ext uri="{FF2B5EF4-FFF2-40B4-BE49-F238E27FC236}">
                <a16:creationId xmlns:a16="http://schemas.microsoft.com/office/drawing/2014/main" id="{18DA8BD8-4D10-F04D-369E-089788044C44}"/>
              </a:ext>
            </a:extLst>
          </p:cNvPr>
          <p:cNvSpPr>
            <a:spLocks noGrp="1"/>
          </p:cNvSpPr>
          <p:nvPr>
            <p:ph type="body" sz="quarter" idx="19" hasCustomPrompt="1"/>
          </p:nvPr>
        </p:nvSpPr>
        <p:spPr>
          <a:xfrm>
            <a:off x="648000" y="2605967"/>
            <a:ext cx="438755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 og efternavn</a:t>
            </a:r>
          </a:p>
        </p:txBody>
      </p:sp>
      <p:sp>
        <p:nvSpPr>
          <p:cNvPr id="5" name="Date Placeholder 6">
            <a:extLst>
              <a:ext uri="{FF2B5EF4-FFF2-40B4-BE49-F238E27FC236}">
                <a16:creationId xmlns:a16="http://schemas.microsoft.com/office/drawing/2014/main" id="{27A59C48-14BC-4204-45C7-53A2D7F67C89}"/>
              </a:ext>
            </a:extLst>
          </p:cNvPr>
          <p:cNvSpPr txBox="1">
            <a:spLocks/>
          </p:cNvSpPr>
          <p:nvPr userDrawn="1"/>
        </p:nvSpPr>
        <p:spPr>
          <a:xfrm>
            <a:off x="648000" y="2901257"/>
            <a:ext cx="4388400" cy="324000"/>
          </a:xfrm>
          <a:prstGeom prst="rect">
            <a:avLst/>
          </a:prstGeom>
        </p:spPr>
        <p:txBody>
          <a:bodyPr vert="horz" lIns="0" tIns="0" rIns="0" bIns="0" rtlCol="0" anchor="t" anchorCtr="0"/>
          <a:lstStyle>
            <a:defPPr>
              <a:defRPr lang="en-US"/>
            </a:defPPr>
            <a:lvl1pPr marL="0" algn="r" defTabSz="914400" rtl="0" eaLnBrk="1" latinLnBrk="0" hangingPunct="1">
              <a:defRPr sz="200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fld id="{54A937AC-837E-4900-A9B4-EB8622A1E968}" type="datetime2">
              <a:rPr lang="da-DK" smtClean="0"/>
              <a:pPr algn="l"/>
              <a:t>11. september 2024</a:t>
            </a:fld>
            <a:endParaRPr lang="da-DK" dirty="0"/>
          </a:p>
        </p:txBody>
      </p:sp>
      <p:pic>
        <p:nvPicPr>
          <p:cNvPr id="8" name="Dynamic cover logo hvid" descr="{&quot;templafy&quot;:{&quot;id&quot;:&quot;b136ea6e-c273-4e84-9fd4-c50e4aa558dd&quot;}}">
            <a:extLst>
              <a:ext uri="{FF2B5EF4-FFF2-40B4-BE49-F238E27FC236}">
                <a16:creationId xmlns:a16="http://schemas.microsoft.com/office/drawing/2014/main" id="{DF64DF2E-31DF-0A25-395F-8DEB2F69FDF4}"/>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572036190"/>
      </p:ext>
    </p:extLst>
  </p:cSld>
  <p:clrMapOvr>
    <a:masterClrMapping/>
  </p:clrMapOvr>
  <p:hf sldNum="0" hdr="0" ftr="0"/>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Agenda tidspunkt A">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99A334B8-94C2-4F5F-A26B-D047E4B357D2}"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tx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1304625" cy="4006800"/>
          </a:xfrm>
        </p:spPr>
        <p:txBody>
          <a:bodyPr/>
          <a:lstStyle>
            <a:lvl1pPr marL="0" indent="0">
              <a:lnSpc>
                <a:spcPts val="4400"/>
              </a:lnSpc>
              <a:spcAft>
                <a:spcPts val="0"/>
              </a:spcAft>
              <a:buFont typeface="Arial" panose="020B0604020202020204" pitchFamily="34" charset="0"/>
              <a:buChar char="​"/>
              <a:defRPr sz="4000" b="0">
                <a:solidFill>
                  <a:schemeClr val="tx1"/>
                </a:solidFill>
              </a:defRPr>
            </a:lvl1pPr>
            <a:lvl2pPr marL="0" indent="0">
              <a:lnSpc>
                <a:spcPts val="4400"/>
              </a:lnSpc>
              <a:spcAft>
                <a:spcPts val="0"/>
              </a:spcAft>
              <a:buFont typeface="Arial" panose="020B0604020202020204" pitchFamily="34" charset="0"/>
              <a:buChar char="​"/>
              <a:defRPr sz="4000" b="0">
                <a:solidFill>
                  <a:schemeClr val="tx1"/>
                </a:solidFill>
              </a:defRPr>
            </a:lvl2pPr>
            <a:lvl3pPr marL="0" indent="0">
              <a:lnSpc>
                <a:spcPts val="4400"/>
              </a:lnSpc>
              <a:spcAft>
                <a:spcPts val="0"/>
              </a:spcAft>
              <a:buFont typeface="Arial" panose="020B0604020202020204" pitchFamily="34" charset="0"/>
              <a:buChar char="​"/>
              <a:defRPr sz="4000" b="0">
                <a:solidFill>
                  <a:schemeClr val="tx1"/>
                </a:solidFill>
              </a:defRPr>
            </a:lvl3pPr>
            <a:lvl4pPr>
              <a:lnSpc>
                <a:spcPts val="4400"/>
              </a:lnSpc>
              <a:spcAft>
                <a:spcPts val="0"/>
              </a:spcAft>
              <a:buFont typeface="Arial" panose="020B0604020202020204" pitchFamily="34" charset="0"/>
              <a:buChar char="​"/>
              <a:defRPr sz="4000" b="0">
                <a:solidFill>
                  <a:schemeClr val="tx1"/>
                </a:solidFill>
              </a:defRPr>
            </a:lvl4pPr>
            <a:lvl5pPr>
              <a:lnSpc>
                <a:spcPts val="4400"/>
              </a:lnSpc>
              <a:spcAft>
                <a:spcPts val="0"/>
              </a:spcAft>
              <a:buFont typeface="Arial" panose="020B0604020202020204" pitchFamily="34" charset="0"/>
              <a:buChar char="​"/>
              <a:defRPr sz="4000" b="0">
                <a:solidFill>
                  <a:schemeClr val="tx1"/>
                </a:solidFill>
              </a:defRPr>
            </a:lvl5pPr>
            <a:lvl6pPr marL="0" indent="0">
              <a:lnSpc>
                <a:spcPts val="4400"/>
              </a:lnSpc>
              <a:spcAft>
                <a:spcPts val="0"/>
              </a:spcAft>
              <a:buFont typeface="Arial" panose="020B0604020202020204" pitchFamily="34" charset="0"/>
              <a:buChar char="​"/>
              <a:defRPr sz="4000" b="0">
                <a:solidFill>
                  <a:schemeClr val="tx1"/>
                </a:solidFill>
              </a:defRPr>
            </a:lvl6pPr>
            <a:lvl7pPr>
              <a:lnSpc>
                <a:spcPts val="4400"/>
              </a:lnSpc>
              <a:spcAft>
                <a:spcPts val="0"/>
              </a:spcAft>
              <a:defRPr sz="4000" b="0">
                <a:solidFill>
                  <a:schemeClr val="tx1"/>
                </a:solidFill>
              </a:defRPr>
            </a:lvl7pPr>
            <a:lvl8pPr>
              <a:lnSpc>
                <a:spcPts val="4400"/>
              </a:lnSpc>
              <a:spcAft>
                <a:spcPts val="0"/>
              </a:spcAft>
              <a:defRPr sz="4000" b="0">
                <a:solidFill>
                  <a:schemeClr val="tx1"/>
                </a:solidFill>
              </a:defRPr>
            </a:lvl8pPr>
            <a:lvl9pPr>
              <a:lnSpc>
                <a:spcPts val="4400"/>
              </a:lnSpc>
              <a:spcAft>
                <a:spcPts val="0"/>
              </a:spcAft>
              <a:defRPr sz="4000" b="0">
                <a:solidFill>
                  <a:schemeClr val="tx1"/>
                </a:solidFill>
              </a:defRPr>
            </a:lvl9pPr>
          </a:lstStyle>
          <a:p>
            <a:pPr lvl="0"/>
            <a:r>
              <a:rPr lang="da-DK" dirty="0"/>
              <a:t>08.00</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2247900" y="1944000"/>
            <a:ext cx="9294813" cy="4006800"/>
          </a:xfrm>
        </p:spPr>
        <p:txBody>
          <a:bodyPr/>
          <a:lstStyle>
            <a:lvl1pPr marL="0" indent="0">
              <a:lnSpc>
                <a:spcPts val="4400"/>
              </a:lnSpc>
              <a:spcAft>
                <a:spcPts val="0"/>
              </a:spcAft>
              <a:buFont typeface="Arial" panose="020B0604020202020204" pitchFamily="34" charset="0"/>
              <a:buChar char="​"/>
              <a:defRPr sz="4000">
                <a:solidFill>
                  <a:schemeClr val="tx1"/>
                </a:solidFill>
              </a:defRPr>
            </a:lvl1pPr>
            <a:lvl2pPr marL="0" indent="0">
              <a:lnSpc>
                <a:spcPts val="4400"/>
              </a:lnSpc>
              <a:spcBef>
                <a:spcPts val="0"/>
              </a:spcBef>
              <a:spcAft>
                <a:spcPts val="0"/>
              </a:spcAft>
              <a:buFont typeface="Arial" panose="020B0604020202020204" pitchFamily="34" charset="0"/>
              <a:buChar char="​"/>
              <a:defRPr sz="4000" b="0">
                <a:solidFill>
                  <a:schemeClr val="tx1"/>
                </a:solidFill>
              </a:defRPr>
            </a:lvl2pPr>
            <a:lvl3pPr marL="0" indent="0">
              <a:lnSpc>
                <a:spcPts val="4400"/>
              </a:lnSpc>
              <a:spcBef>
                <a:spcPts val="0"/>
              </a:spcBef>
              <a:spcAft>
                <a:spcPts val="0"/>
              </a:spcAft>
              <a:buFont typeface="Arial" panose="020B0604020202020204" pitchFamily="34" charset="0"/>
              <a:buChar char="​"/>
              <a:defRPr sz="4000" b="0">
                <a:solidFill>
                  <a:schemeClr val="tx1"/>
                </a:solidFill>
              </a:defRPr>
            </a:lvl3pPr>
            <a:lvl4pPr marL="0" indent="0">
              <a:lnSpc>
                <a:spcPts val="4400"/>
              </a:lnSpc>
              <a:spcBef>
                <a:spcPts val="0"/>
              </a:spcBef>
              <a:spcAft>
                <a:spcPts val="0"/>
              </a:spcAft>
              <a:buFont typeface="Arial" panose="020B0604020202020204" pitchFamily="34" charset="0"/>
              <a:buChar char="​"/>
              <a:defRPr sz="4000" b="0">
                <a:solidFill>
                  <a:schemeClr val="tx1"/>
                </a:solidFill>
              </a:defRPr>
            </a:lvl4pPr>
            <a:lvl5pPr marL="0" indent="0">
              <a:lnSpc>
                <a:spcPts val="4400"/>
              </a:lnSpc>
              <a:spcBef>
                <a:spcPts val="0"/>
              </a:spcBef>
              <a:spcAft>
                <a:spcPts val="0"/>
              </a:spcAft>
              <a:buFont typeface="Arial" panose="020B0604020202020204" pitchFamily="34" charset="0"/>
              <a:buChar char="​"/>
              <a:defRPr sz="4000" b="0">
                <a:solidFill>
                  <a:schemeClr val="tx1"/>
                </a:solidFill>
              </a:defRPr>
            </a:lvl5pPr>
            <a:lvl6pPr marL="0" indent="0">
              <a:lnSpc>
                <a:spcPts val="4400"/>
              </a:lnSpc>
              <a:spcBef>
                <a:spcPts val="0"/>
              </a:spcBef>
              <a:spcAft>
                <a:spcPts val="0"/>
              </a:spcAft>
              <a:buFont typeface="Arial" panose="020B0604020202020204" pitchFamily="34" charset="0"/>
              <a:buChar char="​"/>
              <a:defRPr sz="4000" b="0">
                <a:solidFill>
                  <a:schemeClr val="tx1"/>
                </a:solidFill>
              </a:defRPr>
            </a:lvl6pPr>
            <a:lvl7pPr marL="0" indent="0">
              <a:lnSpc>
                <a:spcPts val="4400"/>
              </a:lnSpc>
              <a:spcBef>
                <a:spcPts val="0"/>
              </a:spcBef>
              <a:spcAft>
                <a:spcPts val="0"/>
              </a:spcAft>
              <a:buFont typeface="Arial" panose="020B0604020202020204" pitchFamily="34" charset="0"/>
              <a:buChar char="​"/>
              <a:defRPr sz="4000" b="0">
                <a:solidFill>
                  <a:schemeClr val="tx1"/>
                </a:solidFill>
              </a:defRPr>
            </a:lvl7pPr>
            <a:lvl8pPr marL="0" indent="0">
              <a:lnSpc>
                <a:spcPts val="4400"/>
              </a:lnSpc>
              <a:spcBef>
                <a:spcPts val="0"/>
              </a:spcBef>
              <a:spcAft>
                <a:spcPts val="0"/>
              </a:spcAft>
              <a:buFont typeface="Arial" panose="020B0604020202020204" pitchFamily="34" charset="0"/>
              <a:buChar char="​"/>
              <a:defRPr sz="4000" b="0">
                <a:solidFill>
                  <a:schemeClr val="tx1"/>
                </a:solidFill>
              </a:defRPr>
            </a:lvl8pPr>
            <a:lvl9pPr marL="0" indent="0">
              <a:lnSpc>
                <a:spcPts val="4400"/>
              </a:lnSpc>
              <a:spcBef>
                <a:spcPts val="0"/>
              </a:spcBef>
              <a:spcAft>
                <a:spcPts val="0"/>
              </a:spcAft>
              <a:buFont typeface="Arial" panose="020B0604020202020204" pitchFamily="34" charset="0"/>
              <a:buChar char="​"/>
              <a:defRPr sz="4000" b="0">
                <a:solidFill>
                  <a:schemeClr val="tx1"/>
                </a:solidFill>
              </a:defRPr>
            </a:lvl9pPr>
          </a:lstStyle>
          <a:p>
            <a:pPr lvl="0"/>
            <a:r>
              <a:rPr lang="da-DK" noProof="0" dirty="0"/>
              <a:t>Klik for at tilføje agendapunkt</a:t>
            </a:r>
            <a:endParaRPr lang="da-DK" dirty="0"/>
          </a:p>
          <a:p>
            <a:pPr lvl="1"/>
            <a:endParaRPr lang="da-DK" noProof="0" dirty="0"/>
          </a:p>
        </p:txBody>
      </p:sp>
      <p:pic>
        <p:nvPicPr>
          <p:cNvPr id="2084037704" name="Dynamic logo hvid" descr="{&quot;templafy&quot;:{&quot;id&quot;:&quot;2a644c4c-2e32-4efa-8823-719a6a8b5e1c&quot;}}"/>
          <p:cNvPicPr>
            <a:picLocks noChangeAspect="1"/>
          </p:cNvPicPr>
          <p:nvPr/>
        </p:nvPicPr>
        <p:blipFill>
          <a:blip r:embed="rId2"/>
          <a:stretch>
            <a:fillRect/>
          </a:stretch>
        </p:blipFill>
        <p:spPr>
          <a:xfrm>
            <a:off x="0" y="6146006"/>
            <a:ext cx="3224210" cy="720000"/>
          </a:xfrm>
          <a:prstGeom prst="rect">
            <a:avLst/>
          </a:prstGeom>
        </p:spPr>
      </p:pic>
    </p:spTree>
    <p:extLst>
      <p:ext uri="{BB962C8B-B14F-4D97-AF65-F5344CB8AC3E}">
        <p14:creationId xmlns:p14="http://schemas.microsoft.com/office/powerpoint/2010/main" val="1692542348"/>
      </p:ext>
    </p:extLst>
  </p:cSld>
  <p:clrMapOvr>
    <a:overrideClrMapping bg1="dk1" tx1="lt1" bg2="dk2" tx2="lt2" accent1="accent1" accent2="accent2" accent3="accent3" accent4="accent4" accent5="accent5" accent6="accent6" hlink="hlink" folHlink="folHlink"/>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Agenda tidspunkt B">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8D8C2F2-679C-4048-B1FF-69BB2ED69E51}"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accent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1304625" cy="4006800"/>
          </a:xfrm>
        </p:spPr>
        <p:txBody>
          <a:bodyPr/>
          <a:lstStyle>
            <a:lvl1pPr marL="0" indent="0">
              <a:lnSpc>
                <a:spcPts val="4400"/>
              </a:lnSpc>
              <a:spcAft>
                <a:spcPts val="0"/>
              </a:spcAft>
              <a:buFont typeface="Arial" panose="020B0604020202020204" pitchFamily="34" charset="0"/>
              <a:buChar char="​"/>
              <a:defRPr sz="4000" b="0">
                <a:solidFill>
                  <a:schemeClr val="accent1"/>
                </a:solidFill>
              </a:defRPr>
            </a:lvl1pPr>
            <a:lvl2pPr marL="0" indent="0">
              <a:lnSpc>
                <a:spcPts val="4400"/>
              </a:lnSpc>
              <a:spcAft>
                <a:spcPts val="0"/>
              </a:spcAft>
              <a:buFont typeface="Arial" panose="020B0604020202020204" pitchFamily="34" charset="0"/>
              <a:buChar char="​"/>
              <a:defRPr sz="4000" b="0">
                <a:solidFill>
                  <a:schemeClr val="accent1"/>
                </a:solidFill>
              </a:defRPr>
            </a:lvl2pPr>
            <a:lvl3pPr marL="0" indent="0">
              <a:lnSpc>
                <a:spcPts val="4400"/>
              </a:lnSpc>
              <a:spcAft>
                <a:spcPts val="0"/>
              </a:spcAft>
              <a:buFont typeface="Arial" panose="020B0604020202020204" pitchFamily="34" charset="0"/>
              <a:buChar char="​"/>
              <a:defRPr sz="4000" b="0">
                <a:solidFill>
                  <a:schemeClr val="accent1"/>
                </a:solidFill>
              </a:defRPr>
            </a:lvl3pPr>
            <a:lvl4pPr>
              <a:lnSpc>
                <a:spcPts val="4400"/>
              </a:lnSpc>
              <a:spcAft>
                <a:spcPts val="0"/>
              </a:spcAft>
              <a:buFont typeface="Arial" panose="020B0604020202020204" pitchFamily="34" charset="0"/>
              <a:buChar char="​"/>
              <a:defRPr sz="4000" b="0">
                <a:solidFill>
                  <a:schemeClr val="accent1"/>
                </a:solidFill>
              </a:defRPr>
            </a:lvl4pPr>
            <a:lvl5pPr>
              <a:lnSpc>
                <a:spcPts val="4400"/>
              </a:lnSpc>
              <a:spcAft>
                <a:spcPts val="0"/>
              </a:spcAft>
              <a:buFont typeface="Arial" panose="020B0604020202020204" pitchFamily="34" charset="0"/>
              <a:buChar char="​"/>
              <a:defRPr sz="4000" b="0">
                <a:solidFill>
                  <a:schemeClr val="accent1"/>
                </a:solidFill>
              </a:defRPr>
            </a:lvl5pPr>
            <a:lvl6pPr marL="0" indent="0">
              <a:lnSpc>
                <a:spcPts val="4400"/>
              </a:lnSpc>
              <a:spcAft>
                <a:spcPts val="0"/>
              </a:spcAft>
              <a:buFont typeface="Arial" panose="020B0604020202020204" pitchFamily="34" charset="0"/>
              <a:buChar char="​"/>
              <a:defRPr sz="4000" b="0">
                <a:solidFill>
                  <a:schemeClr val="accent1"/>
                </a:solidFill>
              </a:defRPr>
            </a:lvl6pPr>
            <a:lvl7pPr>
              <a:lnSpc>
                <a:spcPts val="4400"/>
              </a:lnSpc>
              <a:spcAft>
                <a:spcPts val="0"/>
              </a:spcAft>
              <a:defRPr sz="4000" b="0">
                <a:solidFill>
                  <a:schemeClr val="accent1"/>
                </a:solidFill>
              </a:defRPr>
            </a:lvl7pPr>
            <a:lvl8pPr>
              <a:lnSpc>
                <a:spcPts val="4400"/>
              </a:lnSpc>
              <a:spcAft>
                <a:spcPts val="0"/>
              </a:spcAft>
              <a:defRPr sz="4000" b="0">
                <a:solidFill>
                  <a:schemeClr val="accent1"/>
                </a:solidFill>
              </a:defRPr>
            </a:lvl8pPr>
            <a:lvl9pPr>
              <a:lnSpc>
                <a:spcPts val="4400"/>
              </a:lnSpc>
              <a:spcAft>
                <a:spcPts val="0"/>
              </a:spcAft>
              <a:defRPr sz="4000" b="0">
                <a:solidFill>
                  <a:schemeClr val="accent1"/>
                </a:solidFill>
              </a:defRPr>
            </a:lvl9pPr>
          </a:lstStyle>
          <a:p>
            <a:pPr lvl="0"/>
            <a:r>
              <a:rPr lang="da-DK" dirty="0"/>
              <a:t>08.00</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2247900" y="1944000"/>
            <a:ext cx="9294813" cy="4006800"/>
          </a:xfrm>
        </p:spPr>
        <p:txBody>
          <a:bodyPr/>
          <a:lstStyle>
            <a:lvl1pPr marL="0" indent="0">
              <a:lnSpc>
                <a:spcPts val="4400"/>
              </a:lnSpc>
              <a:spcAft>
                <a:spcPts val="0"/>
              </a:spcAft>
              <a:buFont typeface="Arial" panose="020B0604020202020204" pitchFamily="34" charset="0"/>
              <a:buChar char="​"/>
              <a:defRPr sz="4000">
                <a:solidFill>
                  <a:schemeClr val="accent1"/>
                </a:solidFill>
              </a:defRPr>
            </a:lvl1pPr>
            <a:lvl2pPr marL="0" indent="0">
              <a:lnSpc>
                <a:spcPts val="4400"/>
              </a:lnSpc>
              <a:spcBef>
                <a:spcPts val="0"/>
              </a:spcBef>
              <a:spcAft>
                <a:spcPts val="0"/>
              </a:spcAft>
              <a:buFont typeface="Arial" panose="020B0604020202020204" pitchFamily="34" charset="0"/>
              <a:buChar char="​"/>
              <a:defRPr sz="4000" b="0">
                <a:solidFill>
                  <a:schemeClr val="accent1"/>
                </a:solidFill>
              </a:defRPr>
            </a:lvl2pPr>
            <a:lvl3pPr marL="0" indent="0">
              <a:lnSpc>
                <a:spcPts val="4400"/>
              </a:lnSpc>
              <a:spcBef>
                <a:spcPts val="0"/>
              </a:spcBef>
              <a:spcAft>
                <a:spcPts val="0"/>
              </a:spcAft>
              <a:buFont typeface="Arial" panose="020B0604020202020204" pitchFamily="34" charset="0"/>
              <a:buChar char="​"/>
              <a:defRPr sz="4000" b="0">
                <a:solidFill>
                  <a:schemeClr val="accent1"/>
                </a:solidFill>
              </a:defRPr>
            </a:lvl3pPr>
            <a:lvl4pPr marL="0" indent="0">
              <a:lnSpc>
                <a:spcPts val="4400"/>
              </a:lnSpc>
              <a:spcBef>
                <a:spcPts val="0"/>
              </a:spcBef>
              <a:spcAft>
                <a:spcPts val="0"/>
              </a:spcAft>
              <a:buFont typeface="Arial" panose="020B0604020202020204" pitchFamily="34" charset="0"/>
              <a:buChar char="​"/>
              <a:defRPr sz="4000" b="0">
                <a:solidFill>
                  <a:schemeClr val="accent1"/>
                </a:solidFill>
              </a:defRPr>
            </a:lvl4pPr>
            <a:lvl5pPr marL="0" indent="0">
              <a:lnSpc>
                <a:spcPts val="4400"/>
              </a:lnSpc>
              <a:spcBef>
                <a:spcPts val="0"/>
              </a:spcBef>
              <a:spcAft>
                <a:spcPts val="0"/>
              </a:spcAft>
              <a:buFont typeface="Arial" panose="020B0604020202020204" pitchFamily="34" charset="0"/>
              <a:buChar char="​"/>
              <a:defRPr sz="4000" b="0">
                <a:solidFill>
                  <a:schemeClr val="accent1"/>
                </a:solidFill>
              </a:defRPr>
            </a:lvl5pPr>
            <a:lvl6pPr marL="0" indent="0">
              <a:lnSpc>
                <a:spcPts val="4400"/>
              </a:lnSpc>
              <a:spcBef>
                <a:spcPts val="0"/>
              </a:spcBef>
              <a:spcAft>
                <a:spcPts val="0"/>
              </a:spcAft>
              <a:buFont typeface="Arial" panose="020B0604020202020204" pitchFamily="34" charset="0"/>
              <a:buChar char="​"/>
              <a:defRPr sz="4000" b="0">
                <a:solidFill>
                  <a:schemeClr val="accent1"/>
                </a:solidFill>
              </a:defRPr>
            </a:lvl6pPr>
            <a:lvl7pPr marL="0" indent="0">
              <a:lnSpc>
                <a:spcPts val="4400"/>
              </a:lnSpc>
              <a:spcBef>
                <a:spcPts val="0"/>
              </a:spcBef>
              <a:spcAft>
                <a:spcPts val="0"/>
              </a:spcAft>
              <a:buFont typeface="Arial" panose="020B0604020202020204" pitchFamily="34" charset="0"/>
              <a:buChar char="​"/>
              <a:defRPr sz="4000" b="0">
                <a:solidFill>
                  <a:schemeClr val="accent1"/>
                </a:solidFill>
              </a:defRPr>
            </a:lvl7pPr>
            <a:lvl8pPr marL="0" indent="0">
              <a:lnSpc>
                <a:spcPts val="4400"/>
              </a:lnSpc>
              <a:spcBef>
                <a:spcPts val="0"/>
              </a:spcBef>
              <a:spcAft>
                <a:spcPts val="0"/>
              </a:spcAft>
              <a:buFont typeface="Arial" panose="020B0604020202020204" pitchFamily="34" charset="0"/>
              <a:buChar char="​"/>
              <a:defRPr sz="4000" b="0">
                <a:solidFill>
                  <a:schemeClr val="accent1"/>
                </a:solidFill>
              </a:defRPr>
            </a:lvl8pPr>
            <a:lvl9pPr marL="0" indent="0">
              <a:lnSpc>
                <a:spcPts val="4400"/>
              </a:lnSpc>
              <a:spcBef>
                <a:spcPts val="0"/>
              </a:spcBef>
              <a:spcAft>
                <a:spcPts val="0"/>
              </a:spcAft>
              <a:buFont typeface="Arial" panose="020B0604020202020204" pitchFamily="34" charset="0"/>
              <a:buChar char="​"/>
              <a:defRPr sz="4000" b="0">
                <a:solidFill>
                  <a:schemeClr val="accent1"/>
                </a:solidFill>
              </a:defRPr>
            </a:lvl9pPr>
          </a:lstStyle>
          <a:p>
            <a:pPr lvl="0"/>
            <a:r>
              <a:rPr lang="da-DK" noProof="0" dirty="0"/>
              <a:t>Klik for at tilføje agendapunkt</a:t>
            </a:r>
            <a:endParaRPr lang="da-DK" dirty="0"/>
          </a:p>
          <a:p>
            <a:pPr lvl="1"/>
            <a:endParaRPr lang="da-DK" noProof="0" dirty="0"/>
          </a:p>
        </p:txBody>
      </p:sp>
    </p:spTree>
    <p:extLst>
      <p:ext uri="{BB962C8B-B14F-4D97-AF65-F5344CB8AC3E}">
        <p14:creationId xmlns:p14="http://schemas.microsoft.com/office/powerpoint/2010/main" val="608641080"/>
      </p:ext>
    </p:extLst>
  </p:cSld>
  <p:clrMapOvr>
    <a:overrideClrMapping bg1="lt1" tx1="dk1" bg2="lt2" tx2="dk2" accent1="accent1" accent2="accent2" accent3="accent3" accent4="accent4" accent5="accent5" accent6="accent6" hlink="hlink" folHlink="folHlink"/>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preserve="1" userDrawn="1">
  <p:cSld name="Agenda tabel">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p:spPr>
        <p:txBody>
          <a:bodyPr/>
          <a:lstStyle>
            <a:lvl1pPr>
              <a:defRPr sz="100">
                <a:noFill/>
              </a:defRPr>
            </a:lvl1pPr>
          </a:lstStyle>
          <a:p>
            <a:fld id="{9B1FEFFC-31B0-457C-A3D6-5C8ECDAEBB26}"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7999"/>
            <a:ext cx="10897200" cy="750923"/>
          </a:xfrm>
        </p:spPr>
        <p:txBody>
          <a:bodyPr/>
          <a:lstStyle>
            <a:lvl1pPr>
              <a:defRPr>
                <a:solidFill>
                  <a:schemeClr val="tx1"/>
                </a:solidFill>
              </a:defRPr>
            </a:lvl1pPr>
          </a:lstStyle>
          <a:p>
            <a:r>
              <a:rPr lang="da-DK" dirty="0"/>
              <a:t>Klik for at tilføje agenda titel</a:t>
            </a:r>
          </a:p>
        </p:txBody>
      </p:sp>
      <p:sp>
        <p:nvSpPr>
          <p:cNvPr id="7" name="Pladsholder til tabel 6">
            <a:extLst>
              <a:ext uri="{FF2B5EF4-FFF2-40B4-BE49-F238E27FC236}">
                <a16:creationId xmlns:a16="http://schemas.microsoft.com/office/drawing/2014/main" id="{30C11071-5D19-0FA9-64F6-6DEDF09EC59B}"/>
              </a:ext>
            </a:extLst>
          </p:cNvPr>
          <p:cNvSpPr>
            <a:spLocks noGrp="1"/>
          </p:cNvSpPr>
          <p:nvPr>
            <p:ph type="tbl" sz="quarter" idx="18" hasCustomPrompt="1"/>
          </p:nvPr>
        </p:nvSpPr>
        <p:spPr>
          <a:xfrm>
            <a:off x="647700" y="1400400"/>
            <a:ext cx="10895013" cy="4549550"/>
          </a:xfrm>
        </p:spPr>
        <p:txBody>
          <a:bodyPr tIns="684000" anchor="ctr" anchorCtr="0"/>
          <a:lstStyle>
            <a:lvl1pPr marL="0" indent="0" algn="ctr">
              <a:buNone/>
              <a:defRPr>
                <a:solidFill>
                  <a:schemeClr val="tx1"/>
                </a:solidFill>
              </a:defRPr>
            </a:lvl1pPr>
          </a:lstStyle>
          <a:p>
            <a:r>
              <a:rPr lang="da-DK" dirty="0"/>
              <a:t>Klik på ikonet for at indsætte agenda tabel</a:t>
            </a:r>
          </a:p>
        </p:txBody>
      </p:sp>
      <p:pic>
        <p:nvPicPr>
          <p:cNvPr id="1729385703" name="Dynamic logo hvid" descr="{&quot;templafy&quot;:{&quot;id&quot;:&quot;77a0fd67-0c1e-4a69-a9da-dcf878e9287e&quot;}}"/>
          <p:cNvPicPr>
            <a:picLocks noChangeAspect="1"/>
          </p:cNvPicPr>
          <p:nvPr/>
        </p:nvPicPr>
        <p:blipFill>
          <a:blip r:embed="rId2"/>
          <a:stretch>
            <a:fillRect/>
          </a:stretch>
        </p:blipFill>
        <p:spPr>
          <a:xfrm>
            <a:off x="0" y="6146006"/>
            <a:ext cx="3224210" cy="720000"/>
          </a:xfrm>
          <a:prstGeom prst="rect">
            <a:avLst/>
          </a:prstGeom>
        </p:spPr>
      </p:pic>
    </p:spTree>
    <p:extLst>
      <p:ext uri="{BB962C8B-B14F-4D97-AF65-F5344CB8AC3E}">
        <p14:creationId xmlns:p14="http://schemas.microsoft.com/office/powerpoint/2010/main" val="119993209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82">
          <p15:clr>
            <a:srgbClr val="F26B43"/>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Kapitel stor titel">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F4854BEB-E42B-41CA-9C2A-29C2A5ED8DE1}"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18" name="Kombinationstegning: figur 17">
            <a:extLst>
              <a:ext uri="{FF2B5EF4-FFF2-40B4-BE49-F238E27FC236}">
                <a16:creationId xmlns:a16="http://schemas.microsoft.com/office/drawing/2014/main" id="{0BE627A4-7FDC-7163-2482-DB104564D43E}"/>
              </a:ext>
            </a:extLst>
          </p:cNvPr>
          <p:cNvSpPr>
            <a:spLocks noChangeAspect="1"/>
          </p:cNvSpPr>
          <p:nvPr userDrawn="1"/>
        </p:nvSpPr>
        <p:spPr>
          <a:xfrm>
            <a:off x="9777320" y="954000"/>
            <a:ext cx="1774842" cy="864000"/>
          </a:xfrm>
          <a:custGeom>
            <a:avLst/>
            <a:gdLst>
              <a:gd name="connsiteX0" fmla="*/ 162839 w 1774842"/>
              <a:gd name="connsiteY0" fmla="*/ 0 h 864000"/>
              <a:gd name="connsiteX1" fmla="*/ 1124753 w 1774842"/>
              <a:gd name="connsiteY1" fmla="*/ 0 h 864000"/>
              <a:gd name="connsiteX2" fmla="*/ 1182661 w 1774842"/>
              <a:gd name="connsiteY2" fmla="*/ 0 h 864000"/>
              <a:gd name="connsiteX3" fmla="*/ 1342842 w 1774842"/>
              <a:gd name="connsiteY3" fmla="*/ 0 h 864000"/>
              <a:gd name="connsiteX4" fmla="*/ 1345500 w 1774842"/>
              <a:gd name="connsiteY4" fmla="*/ 0 h 864000"/>
              <a:gd name="connsiteX5" fmla="*/ 1345500 w 1774842"/>
              <a:gd name="connsiteY5" fmla="*/ 268 h 864000"/>
              <a:gd name="connsiteX6" fmla="*/ 1429905 w 1774842"/>
              <a:gd name="connsiteY6" fmla="*/ 8777 h 864000"/>
              <a:gd name="connsiteX7" fmla="*/ 1774842 w 1774842"/>
              <a:gd name="connsiteY7" fmla="*/ 432000 h 864000"/>
              <a:gd name="connsiteX8" fmla="*/ 1429905 w 1774842"/>
              <a:gd name="connsiteY8" fmla="*/ 855223 h 864000"/>
              <a:gd name="connsiteX9" fmla="*/ 1345500 w 1774842"/>
              <a:gd name="connsiteY9" fmla="*/ 863732 h 864000"/>
              <a:gd name="connsiteX10" fmla="*/ 1345500 w 1774842"/>
              <a:gd name="connsiteY10" fmla="*/ 864000 h 864000"/>
              <a:gd name="connsiteX11" fmla="*/ 1342842 w 1774842"/>
              <a:gd name="connsiteY11" fmla="*/ 864000 h 864000"/>
              <a:gd name="connsiteX12" fmla="*/ 1182661 w 1774842"/>
              <a:gd name="connsiteY12" fmla="*/ 864000 h 864000"/>
              <a:gd name="connsiteX13" fmla="*/ 1124753 w 1774842"/>
              <a:gd name="connsiteY13" fmla="*/ 864000 h 864000"/>
              <a:gd name="connsiteX14" fmla="*/ 220747 w 1774842"/>
              <a:gd name="connsiteY14" fmla="*/ 864000 h 864000"/>
              <a:gd name="connsiteX15" fmla="*/ 162839 w 1774842"/>
              <a:gd name="connsiteY15" fmla="*/ 864000 h 864000"/>
              <a:gd name="connsiteX16" fmla="*/ 0 w 1774842"/>
              <a:gd name="connsiteY16" fmla="*/ 864000 h 864000"/>
              <a:gd name="connsiteX17" fmla="*/ 0 w 1774842"/>
              <a:gd name="connsiteY17" fmla="*/ 698648 h 864000"/>
              <a:gd name="connsiteX18" fmla="*/ 0 w 1774842"/>
              <a:gd name="connsiteY18" fmla="*/ 639847 h 864000"/>
              <a:gd name="connsiteX19" fmla="*/ 0 w 1774842"/>
              <a:gd name="connsiteY19" fmla="*/ 165352 h 864000"/>
              <a:gd name="connsiteX20" fmla="*/ 162839 w 1774842"/>
              <a:gd name="connsiteY20" fmla="*/ 0 h 8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74842" h="864000">
                <a:moveTo>
                  <a:pt x="162839" y="0"/>
                </a:moveTo>
                <a:lnTo>
                  <a:pt x="1124753" y="0"/>
                </a:lnTo>
                <a:lnTo>
                  <a:pt x="1182661" y="0"/>
                </a:lnTo>
                <a:lnTo>
                  <a:pt x="1342842" y="0"/>
                </a:lnTo>
                <a:lnTo>
                  <a:pt x="1345500" y="0"/>
                </a:lnTo>
                <a:lnTo>
                  <a:pt x="1345500" y="268"/>
                </a:lnTo>
                <a:lnTo>
                  <a:pt x="1429905" y="8777"/>
                </a:lnTo>
                <a:cubicBezTo>
                  <a:pt x="1626760" y="49059"/>
                  <a:pt x="1774842" y="223236"/>
                  <a:pt x="1774842" y="432000"/>
                </a:cubicBezTo>
                <a:cubicBezTo>
                  <a:pt x="1774842" y="640764"/>
                  <a:pt x="1626760" y="814941"/>
                  <a:pt x="1429905" y="855223"/>
                </a:cubicBezTo>
                <a:lnTo>
                  <a:pt x="1345500" y="863732"/>
                </a:lnTo>
                <a:lnTo>
                  <a:pt x="1345500" y="864000"/>
                </a:lnTo>
                <a:lnTo>
                  <a:pt x="1342842" y="864000"/>
                </a:lnTo>
                <a:lnTo>
                  <a:pt x="1182661" y="864000"/>
                </a:lnTo>
                <a:lnTo>
                  <a:pt x="1124753" y="864000"/>
                </a:lnTo>
                <a:lnTo>
                  <a:pt x="220747" y="864000"/>
                </a:lnTo>
                <a:lnTo>
                  <a:pt x="162839" y="864000"/>
                </a:lnTo>
                <a:lnTo>
                  <a:pt x="0" y="864000"/>
                </a:lnTo>
                <a:lnTo>
                  <a:pt x="0" y="698648"/>
                </a:lnTo>
                <a:lnTo>
                  <a:pt x="0" y="639847"/>
                </a:lnTo>
                <a:lnTo>
                  <a:pt x="0" y="165352"/>
                </a:lnTo>
                <a:cubicBezTo>
                  <a:pt x="0" y="74031"/>
                  <a:pt x="72906" y="0"/>
                  <a:pt x="162839"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24000" rIns="360000" bIns="360000" anchor="ctr" anchorCtr="0">
            <a:noAutofit/>
          </a:bodyPr>
          <a:lstStyle>
            <a:lvl1pPr algn="ctr">
              <a:lnSpc>
                <a:spcPct val="100000"/>
              </a:lnSpc>
              <a:defRPr sz="9600" b="0">
                <a:solidFill>
                  <a:schemeClr val="accent1"/>
                </a:solidFill>
              </a:defRPr>
            </a:lvl1pPr>
          </a:lstStyle>
          <a:p>
            <a:r>
              <a:rPr lang="da-DK" dirty="0"/>
              <a:t>Klik og tilføj titel</a:t>
            </a:r>
          </a:p>
        </p:txBody>
      </p:sp>
      <p:sp>
        <p:nvSpPr>
          <p:cNvPr id="3" name="Pladsholder til tekst 2">
            <a:extLst>
              <a:ext uri="{FF2B5EF4-FFF2-40B4-BE49-F238E27FC236}">
                <a16:creationId xmlns:a16="http://schemas.microsoft.com/office/drawing/2014/main" id="{F89E3EBE-8AA5-6E31-828C-000E9EB15518}"/>
              </a:ext>
            </a:extLst>
          </p:cNvPr>
          <p:cNvSpPr>
            <a:spLocks noGrp="1"/>
          </p:cNvSpPr>
          <p:nvPr>
            <p:ph type="body" sz="quarter" idx="18" hasCustomPrompt="1"/>
          </p:nvPr>
        </p:nvSpPr>
        <p:spPr>
          <a:xfrm>
            <a:off x="10226816" y="954000"/>
            <a:ext cx="900000" cy="864000"/>
          </a:xfrm>
        </p:spPr>
        <p:txBody>
          <a:bodyPr tIns="36000"/>
          <a:lstStyle>
            <a:lvl1pPr marL="0" indent="0">
              <a:lnSpc>
                <a:spcPct val="100000"/>
              </a:lnSpc>
              <a:spcAft>
                <a:spcPts val="0"/>
              </a:spcAft>
              <a:buNone/>
              <a:defRPr sz="5400">
                <a:solidFill>
                  <a:schemeClr val="bg1"/>
                </a:solidFill>
                <a:latin typeface="DI Numbers Office" pitchFamily="2" charset="0"/>
              </a:defRPr>
            </a:lvl1pPr>
            <a:lvl2pPr marL="0" indent="0">
              <a:lnSpc>
                <a:spcPct val="100000"/>
              </a:lnSpc>
              <a:spcAft>
                <a:spcPts val="0"/>
              </a:spcAft>
              <a:buNone/>
              <a:defRPr sz="5400">
                <a:latin typeface="DI Numbers Office" pitchFamily="2" charset="0"/>
              </a:defRPr>
            </a:lvl2pPr>
            <a:lvl3pPr marL="0" indent="0">
              <a:lnSpc>
                <a:spcPct val="100000"/>
              </a:lnSpc>
              <a:spcAft>
                <a:spcPts val="0"/>
              </a:spcAft>
              <a:buNone/>
              <a:defRPr sz="5400">
                <a:latin typeface="DI Numbers Office" pitchFamily="2" charset="0"/>
              </a:defRPr>
            </a:lvl3pPr>
            <a:lvl4pPr marL="0">
              <a:lnSpc>
                <a:spcPct val="100000"/>
              </a:lnSpc>
              <a:spcAft>
                <a:spcPts val="0"/>
              </a:spcAft>
              <a:buNone/>
              <a:defRPr sz="5400">
                <a:latin typeface="DI Numbers Office" pitchFamily="2" charset="0"/>
              </a:defRPr>
            </a:lvl4pPr>
            <a:lvl5pPr marL="0">
              <a:lnSpc>
                <a:spcPct val="100000"/>
              </a:lnSpc>
              <a:spcAft>
                <a:spcPts val="0"/>
              </a:spcAft>
              <a:buNone/>
              <a:defRPr sz="5400">
                <a:latin typeface="DI Numbers Office" pitchFamily="2" charset="0"/>
              </a:defRPr>
            </a:lvl5pPr>
            <a:lvl6pPr marL="0" indent="0">
              <a:lnSpc>
                <a:spcPct val="100000"/>
              </a:lnSpc>
              <a:spcAft>
                <a:spcPts val="0"/>
              </a:spcAft>
              <a:buNone/>
              <a:defRPr sz="5400">
                <a:latin typeface="DI Numbers Office" pitchFamily="2" charset="0"/>
              </a:defRPr>
            </a:lvl6pPr>
            <a:lvl7pPr marL="0">
              <a:lnSpc>
                <a:spcPct val="100000"/>
              </a:lnSpc>
              <a:spcAft>
                <a:spcPts val="0"/>
              </a:spcAft>
              <a:buNone/>
              <a:defRPr sz="5400">
                <a:latin typeface="DI Numbers Office" pitchFamily="2" charset="0"/>
              </a:defRPr>
            </a:lvl7pPr>
            <a:lvl8pPr marL="0">
              <a:lnSpc>
                <a:spcPct val="100000"/>
              </a:lnSpc>
              <a:spcAft>
                <a:spcPts val="0"/>
              </a:spcAft>
              <a:buNone/>
              <a:defRPr sz="5400">
                <a:latin typeface="DI Numbers Office" pitchFamily="2" charset="0"/>
              </a:defRPr>
            </a:lvl8pPr>
            <a:lvl9pPr marL="0">
              <a:lnSpc>
                <a:spcPct val="100000"/>
              </a:lnSpc>
              <a:spcAft>
                <a:spcPts val="0"/>
              </a:spcAft>
              <a:buNone/>
              <a:defRPr sz="5400">
                <a:latin typeface="DI Numbers Office" pitchFamily="2" charset="0"/>
              </a:defRPr>
            </a:lvl9pPr>
          </a:lstStyle>
          <a:p>
            <a:pPr lvl="0"/>
            <a:r>
              <a:rPr lang="da-DK" noProof="0" dirty="0"/>
              <a:t>01</a:t>
            </a:r>
            <a:endParaRPr lang="da-DK" dirty="0"/>
          </a:p>
        </p:txBody>
      </p:sp>
    </p:spTree>
    <p:extLst>
      <p:ext uri="{BB962C8B-B14F-4D97-AF65-F5344CB8AC3E}">
        <p14:creationId xmlns:p14="http://schemas.microsoft.com/office/powerpoint/2010/main" val="871671165"/>
      </p:ext>
    </p:extLst>
  </p:cSld>
  <p:clrMapOvr>
    <a:overrideClrMapping bg1="lt1" tx1="dk1" bg2="lt2" tx2="dk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Kapitel lille titel">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B1A1CD55-E521-44FD-A6A5-0C1A34CA2475}"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60000" rIns="360000" bIns="360000" anchor="t" anchorCtr="0">
            <a:noAutofit/>
          </a:bodyPr>
          <a:lstStyle>
            <a:lvl1pPr algn="l">
              <a:lnSpc>
                <a:spcPct val="89000"/>
              </a:lnSpc>
              <a:defRPr sz="4800" b="0">
                <a:solidFill>
                  <a:schemeClr val="accent1"/>
                </a:solidFill>
              </a:defRPr>
            </a:lvl1pPr>
          </a:lstStyle>
          <a:p>
            <a:r>
              <a:rPr lang="da-DK" dirty="0"/>
              <a:t>Klik og tilføj titel</a:t>
            </a:r>
          </a:p>
        </p:txBody>
      </p:sp>
      <p:sp>
        <p:nvSpPr>
          <p:cNvPr id="2" name="Kombinationstegning: figur 1">
            <a:extLst>
              <a:ext uri="{FF2B5EF4-FFF2-40B4-BE49-F238E27FC236}">
                <a16:creationId xmlns:a16="http://schemas.microsoft.com/office/drawing/2014/main" id="{25FAA383-8643-B920-15C7-85B2976664FC}"/>
              </a:ext>
            </a:extLst>
          </p:cNvPr>
          <p:cNvSpPr>
            <a:spLocks noChangeAspect="1"/>
          </p:cNvSpPr>
          <p:nvPr userDrawn="1"/>
        </p:nvSpPr>
        <p:spPr>
          <a:xfrm>
            <a:off x="9777320" y="954000"/>
            <a:ext cx="1774842" cy="864000"/>
          </a:xfrm>
          <a:custGeom>
            <a:avLst/>
            <a:gdLst>
              <a:gd name="connsiteX0" fmla="*/ 162839 w 1774842"/>
              <a:gd name="connsiteY0" fmla="*/ 0 h 864000"/>
              <a:gd name="connsiteX1" fmla="*/ 1124753 w 1774842"/>
              <a:gd name="connsiteY1" fmla="*/ 0 h 864000"/>
              <a:gd name="connsiteX2" fmla="*/ 1182661 w 1774842"/>
              <a:gd name="connsiteY2" fmla="*/ 0 h 864000"/>
              <a:gd name="connsiteX3" fmla="*/ 1342842 w 1774842"/>
              <a:gd name="connsiteY3" fmla="*/ 0 h 864000"/>
              <a:gd name="connsiteX4" fmla="*/ 1345500 w 1774842"/>
              <a:gd name="connsiteY4" fmla="*/ 0 h 864000"/>
              <a:gd name="connsiteX5" fmla="*/ 1345500 w 1774842"/>
              <a:gd name="connsiteY5" fmla="*/ 268 h 864000"/>
              <a:gd name="connsiteX6" fmla="*/ 1429905 w 1774842"/>
              <a:gd name="connsiteY6" fmla="*/ 8777 h 864000"/>
              <a:gd name="connsiteX7" fmla="*/ 1774842 w 1774842"/>
              <a:gd name="connsiteY7" fmla="*/ 432000 h 864000"/>
              <a:gd name="connsiteX8" fmla="*/ 1429905 w 1774842"/>
              <a:gd name="connsiteY8" fmla="*/ 855223 h 864000"/>
              <a:gd name="connsiteX9" fmla="*/ 1345500 w 1774842"/>
              <a:gd name="connsiteY9" fmla="*/ 863732 h 864000"/>
              <a:gd name="connsiteX10" fmla="*/ 1345500 w 1774842"/>
              <a:gd name="connsiteY10" fmla="*/ 864000 h 864000"/>
              <a:gd name="connsiteX11" fmla="*/ 1342842 w 1774842"/>
              <a:gd name="connsiteY11" fmla="*/ 864000 h 864000"/>
              <a:gd name="connsiteX12" fmla="*/ 1182661 w 1774842"/>
              <a:gd name="connsiteY12" fmla="*/ 864000 h 864000"/>
              <a:gd name="connsiteX13" fmla="*/ 1124753 w 1774842"/>
              <a:gd name="connsiteY13" fmla="*/ 864000 h 864000"/>
              <a:gd name="connsiteX14" fmla="*/ 220747 w 1774842"/>
              <a:gd name="connsiteY14" fmla="*/ 864000 h 864000"/>
              <a:gd name="connsiteX15" fmla="*/ 162839 w 1774842"/>
              <a:gd name="connsiteY15" fmla="*/ 864000 h 864000"/>
              <a:gd name="connsiteX16" fmla="*/ 0 w 1774842"/>
              <a:gd name="connsiteY16" fmla="*/ 864000 h 864000"/>
              <a:gd name="connsiteX17" fmla="*/ 0 w 1774842"/>
              <a:gd name="connsiteY17" fmla="*/ 698648 h 864000"/>
              <a:gd name="connsiteX18" fmla="*/ 0 w 1774842"/>
              <a:gd name="connsiteY18" fmla="*/ 639847 h 864000"/>
              <a:gd name="connsiteX19" fmla="*/ 0 w 1774842"/>
              <a:gd name="connsiteY19" fmla="*/ 165352 h 864000"/>
              <a:gd name="connsiteX20" fmla="*/ 162839 w 1774842"/>
              <a:gd name="connsiteY20" fmla="*/ 0 h 8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74842" h="864000">
                <a:moveTo>
                  <a:pt x="162839" y="0"/>
                </a:moveTo>
                <a:lnTo>
                  <a:pt x="1124753" y="0"/>
                </a:lnTo>
                <a:lnTo>
                  <a:pt x="1182661" y="0"/>
                </a:lnTo>
                <a:lnTo>
                  <a:pt x="1342842" y="0"/>
                </a:lnTo>
                <a:lnTo>
                  <a:pt x="1345500" y="0"/>
                </a:lnTo>
                <a:lnTo>
                  <a:pt x="1345500" y="268"/>
                </a:lnTo>
                <a:lnTo>
                  <a:pt x="1429905" y="8777"/>
                </a:lnTo>
                <a:cubicBezTo>
                  <a:pt x="1626760" y="49059"/>
                  <a:pt x="1774842" y="223236"/>
                  <a:pt x="1774842" y="432000"/>
                </a:cubicBezTo>
                <a:cubicBezTo>
                  <a:pt x="1774842" y="640764"/>
                  <a:pt x="1626760" y="814941"/>
                  <a:pt x="1429905" y="855223"/>
                </a:cubicBezTo>
                <a:lnTo>
                  <a:pt x="1345500" y="863732"/>
                </a:lnTo>
                <a:lnTo>
                  <a:pt x="1345500" y="864000"/>
                </a:lnTo>
                <a:lnTo>
                  <a:pt x="1342842" y="864000"/>
                </a:lnTo>
                <a:lnTo>
                  <a:pt x="1182661" y="864000"/>
                </a:lnTo>
                <a:lnTo>
                  <a:pt x="1124753" y="864000"/>
                </a:lnTo>
                <a:lnTo>
                  <a:pt x="220747" y="864000"/>
                </a:lnTo>
                <a:lnTo>
                  <a:pt x="162839" y="864000"/>
                </a:lnTo>
                <a:lnTo>
                  <a:pt x="0" y="864000"/>
                </a:lnTo>
                <a:lnTo>
                  <a:pt x="0" y="698648"/>
                </a:lnTo>
                <a:lnTo>
                  <a:pt x="0" y="639847"/>
                </a:lnTo>
                <a:lnTo>
                  <a:pt x="0" y="165352"/>
                </a:lnTo>
                <a:cubicBezTo>
                  <a:pt x="0" y="74031"/>
                  <a:pt x="72906" y="0"/>
                  <a:pt x="162839"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 name="Pladsholder til tekst 2">
            <a:extLst>
              <a:ext uri="{FF2B5EF4-FFF2-40B4-BE49-F238E27FC236}">
                <a16:creationId xmlns:a16="http://schemas.microsoft.com/office/drawing/2014/main" id="{78B7FA76-02C7-CC47-03AF-000FF6CEDE34}"/>
              </a:ext>
            </a:extLst>
          </p:cNvPr>
          <p:cNvSpPr>
            <a:spLocks noGrp="1"/>
          </p:cNvSpPr>
          <p:nvPr>
            <p:ph type="body" sz="quarter" idx="18" hasCustomPrompt="1"/>
          </p:nvPr>
        </p:nvSpPr>
        <p:spPr>
          <a:xfrm>
            <a:off x="10226816" y="954000"/>
            <a:ext cx="900000" cy="864000"/>
          </a:xfrm>
        </p:spPr>
        <p:txBody>
          <a:bodyPr tIns="36000"/>
          <a:lstStyle>
            <a:lvl1pPr marL="0" indent="0">
              <a:lnSpc>
                <a:spcPct val="100000"/>
              </a:lnSpc>
              <a:spcAft>
                <a:spcPts val="0"/>
              </a:spcAft>
              <a:buNone/>
              <a:defRPr sz="5400">
                <a:solidFill>
                  <a:schemeClr val="bg1"/>
                </a:solidFill>
                <a:latin typeface="DI Numbers Office" pitchFamily="2" charset="0"/>
              </a:defRPr>
            </a:lvl1pPr>
            <a:lvl2pPr marL="0" indent="0">
              <a:lnSpc>
                <a:spcPct val="100000"/>
              </a:lnSpc>
              <a:spcAft>
                <a:spcPts val="0"/>
              </a:spcAft>
              <a:buNone/>
              <a:defRPr sz="5400">
                <a:latin typeface="DI Numbers Office" pitchFamily="2" charset="0"/>
              </a:defRPr>
            </a:lvl2pPr>
            <a:lvl3pPr marL="0" indent="0">
              <a:lnSpc>
                <a:spcPct val="100000"/>
              </a:lnSpc>
              <a:spcAft>
                <a:spcPts val="0"/>
              </a:spcAft>
              <a:buNone/>
              <a:defRPr sz="5400">
                <a:latin typeface="DI Numbers Office" pitchFamily="2" charset="0"/>
              </a:defRPr>
            </a:lvl3pPr>
            <a:lvl4pPr marL="0">
              <a:lnSpc>
                <a:spcPct val="100000"/>
              </a:lnSpc>
              <a:spcAft>
                <a:spcPts val="0"/>
              </a:spcAft>
              <a:buNone/>
              <a:defRPr sz="5400">
                <a:latin typeface="DI Numbers Office" pitchFamily="2" charset="0"/>
              </a:defRPr>
            </a:lvl4pPr>
            <a:lvl5pPr marL="0">
              <a:lnSpc>
                <a:spcPct val="100000"/>
              </a:lnSpc>
              <a:spcAft>
                <a:spcPts val="0"/>
              </a:spcAft>
              <a:buNone/>
              <a:defRPr sz="5400">
                <a:latin typeface="DI Numbers Office" pitchFamily="2" charset="0"/>
              </a:defRPr>
            </a:lvl5pPr>
            <a:lvl6pPr marL="0" indent="0">
              <a:lnSpc>
                <a:spcPct val="100000"/>
              </a:lnSpc>
              <a:spcAft>
                <a:spcPts val="0"/>
              </a:spcAft>
              <a:buNone/>
              <a:defRPr sz="5400">
                <a:latin typeface="DI Numbers Office" pitchFamily="2" charset="0"/>
              </a:defRPr>
            </a:lvl6pPr>
            <a:lvl7pPr marL="0">
              <a:lnSpc>
                <a:spcPct val="100000"/>
              </a:lnSpc>
              <a:spcAft>
                <a:spcPts val="0"/>
              </a:spcAft>
              <a:buNone/>
              <a:defRPr sz="5400">
                <a:latin typeface="DI Numbers Office" pitchFamily="2" charset="0"/>
              </a:defRPr>
            </a:lvl7pPr>
            <a:lvl8pPr marL="0">
              <a:lnSpc>
                <a:spcPct val="100000"/>
              </a:lnSpc>
              <a:spcAft>
                <a:spcPts val="0"/>
              </a:spcAft>
              <a:buNone/>
              <a:defRPr sz="5400">
                <a:latin typeface="DI Numbers Office" pitchFamily="2" charset="0"/>
              </a:defRPr>
            </a:lvl8pPr>
            <a:lvl9pPr marL="0">
              <a:lnSpc>
                <a:spcPct val="100000"/>
              </a:lnSpc>
              <a:spcAft>
                <a:spcPts val="0"/>
              </a:spcAft>
              <a:buNone/>
              <a:defRPr sz="5400">
                <a:latin typeface="DI Numbers Office" pitchFamily="2" charset="0"/>
              </a:defRPr>
            </a:lvl9pPr>
          </a:lstStyle>
          <a:p>
            <a:pPr lvl="0"/>
            <a:r>
              <a:rPr lang="da-DK" noProof="0" dirty="0"/>
              <a:t>02</a:t>
            </a:r>
            <a:endParaRPr lang="da-DK" dirty="0"/>
          </a:p>
        </p:txBody>
      </p:sp>
    </p:spTree>
    <p:extLst>
      <p:ext uri="{BB962C8B-B14F-4D97-AF65-F5344CB8AC3E}">
        <p14:creationId xmlns:p14="http://schemas.microsoft.com/office/powerpoint/2010/main" val="2550068951"/>
      </p:ext>
    </p:extLst>
  </p:cSld>
  <p:clrMapOvr>
    <a:overrideClrMapping bg1="lt1" tx1="dk1" bg2="lt2" tx2="dk2" accent1="accent1" accent2="accent2" accent3="accent3" accent4="accent4" accent5="accent5" accent6="accent6" hlink="hlink" folHlink="folHlink"/>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Titel og et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indsætte overskrift – max. to linjer</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4" name="Text Placeholder note">
            <a:extLst>
              <a:ext uri="{FF2B5EF4-FFF2-40B4-BE49-F238E27FC236}">
                <a16:creationId xmlns:a16="http://schemas.microsoft.com/office/drawing/2014/main" id="{EF0AF0F1-4779-0FFA-EF48-5157A6907B78}"/>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5" name="Pladsholder til dato 4" hidden="1">
            <a:extLst>
              <a:ext uri="{FF2B5EF4-FFF2-40B4-BE49-F238E27FC236}">
                <a16:creationId xmlns:a16="http://schemas.microsoft.com/office/drawing/2014/main" id="{EB0117F5-CCCE-538C-5F4B-9E83D036A40E}"/>
              </a:ext>
            </a:extLst>
          </p:cNvPr>
          <p:cNvSpPr>
            <a:spLocks noGrp="1"/>
          </p:cNvSpPr>
          <p:nvPr>
            <p:ph type="dt" sz="half" idx="18"/>
          </p:nvPr>
        </p:nvSpPr>
        <p:spPr/>
        <p:txBody>
          <a:bodyPr/>
          <a:lstStyle/>
          <a:p>
            <a:fld id="{44D8C6C3-D430-4DAF-92AA-EBC816A3542B}" type="datetime2">
              <a:rPr lang="da-DK" smtClean="0"/>
              <a:t>11. september 2024</a:t>
            </a:fld>
            <a:endParaRPr lang="da-DK" dirty="0"/>
          </a:p>
        </p:txBody>
      </p:sp>
      <p:sp>
        <p:nvSpPr>
          <p:cNvPr id="6" name="Pladsholder til sidefod 5" hidden="1">
            <a:extLst>
              <a:ext uri="{FF2B5EF4-FFF2-40B4-BE49-F238E27FC236}">
                <a16:creationId xmlns:a16="http://schemas.microsoft.com/office/drawing/2014/main" id="{D6A145C2-3E64-4708-3BF6-DC7B93D613B7}"/>
              </a:ext>
            </a:extLst>
          </p:cNvPr>
          <p:cNvSpPr>
            <a:spLocks noGrp="1"/>
          </p:cNvSpPr>
          <p:nvPr>
            <p:ph type="ftr" sz="quarter" idx="19"/>
          </p:nvPr>
        </p:nvSpPr>
        <p:spPr/>
        <p:txBody>
          <a:bodyPr/>
          <a:lstStyle/>
          <a:p>
            <a:endParaRPr lang="da-DK" dirty="0"/>
          </a:p>
        </p:txBody>
      </p:sp>
      <p:sp>
        <p:nvSpPr>
          <p:cNvPr id="7" name="Pladsholder til slidenummer 6" hidden="1">
            <a:extLst>
              <a:ext uri="{FF2B5EF4-FFF2-40B4-BE49-F238E27FC236}">
                <a16:creationId xmlns:a16="http://schemas.microsoft.com/office/drawing/2014/main" id="{17F63FBC-E640-C1CF-FE98-D81C05D36683}"/>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912389197"/>
      </p:ext>
    </p:extLst>
  </p:cSld>
  <p:clrMapOvr>
    <a:masterClrMapping/>
  </p:clrMapOvr>
  <p:extLst>
    <p:ext uri="{DCECCB84-F9BA-43D5-87BE-67443E8EF086}">
      <p15:sldGuideLst xmlns:p15="http://schemas.microsoft.com/office/powerpoint/2012/main"/>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Titel og et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indsætte overskrift – max. to linjer</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1" name="Text Placeholder note">
            <a:extLst>
              <a:ext uri="{FF2B5EF4-FFF2-40B4-BE49-F238E27FC236}">
                <a16:creationId xmlns:a16="http://schemas.microsoft.com/office/drawing/2014/main" id="{245C8F84-4C5D-3EE3-1FB6-087410EF73FB}"/>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D1B7864D-F85A-51C0-61FA-FDBB825E90AC}"/>
              </a:ext>
            </a:extLst>
          </p:cNvPr>
          <p:cNvSpPr>
            <a:spLocks noGrp="1"/>
          </p:cNvSpPr>
          <p:nvPr>
            <p:ph type="dt" sz="half" idx="18"/>
          </p:nvPr>
        </p:nvSpPr>
        <p:spPr/>
        <p:txBody>
          <a:bodyPr/>
          <a:lstStyle/>
          <a:p>
            <a:fld id="{FAAC466B-B9BC-4540-B925-BB3606CC309B}"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D0A26A80-EB88-4FD8-19D9-C4B3C43469AD}"/>
              </a:ext>
            </a:extLst>
          </p:cNvPr>
          <p:cNvSpPr>
            <a:spLocks noGrp="1"/>
          </p:cNvSpPr>
          <p:nvPr>
            <p:ph type="ftr" sz="quarter" idx="19"/>
          </p:nvPr>
        </p:nvSpPr>
        <p:spPr/>
        <p:txBody>
          <a:bodyPr/>
          <a:lstStyle/>
          <a:p>
            <a:endParaRPr lang="da-DK" dirty="0"/>
          </a:p>
        </p:txBody>
      </p:sp>
      <p:sp>
        <p:nvSpPr>
          <p:cNvPr id="6" name="Pladsholder til slidenummer 5" hidden="1">
            <a:extLst>
              <a:ext uri="{FF2B5EF4-FFF2-40B4-BE49-F238E27FC236}">
                <a16:creationId xmlns:a16="http://schemas.microsoft.com/office/drawing/2014/main" id="{CFD105D1-049D-35DE-D62A-A74AE7535F7C}"/>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878325775"/>
      </p:ext>
    </p:extLst>
  </p:cSld>
  <p:clrMapOvr>
    <a:masterClrMapping/>
  </p:clrMapOvr>
  <p:extLst>
    <p:ext uri="{DCECCB84-F9BA-43D5-87BE-67443E8EF086}">
      <p15:sldGuideLst xmlns:p15="http://schemas.microsoft.com/office/powerpoint/2012/main"/>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Titel, undertitel og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2800"/>
          </a:xfrm>
        </p:spPr>
        <p:txBody>
          <a:bodyPr/>
          <a:lstStyle>
            <a:lvl1pPr>
              <a:defRPr/>
            </a:lvl1pPr>
          </a:lstStyle>
          <a:p>
            <a:r>
              <a:rPr lang="da-DK" dirty="0"/>
              <a:t>Klik for at indsætte overskrift – max. en linje</a:t>
            </a:r>
          </a:p>
        </p:txBody>
      </p:sp>
      <p:sp>
        <p:nvSpPr>
          <p:cNvPr id="4" name="Subtitle 2">
            <a:extLst>
              <a:ext uri="{FF2B5EF4-FFF2-40B4-BE49-F238E27FC236}">
                <a16:creationId xmlns:a16="http://schemas.microsoft.com/office/drawing/2014/main" id="{8A008F28-7F58-53FE-932A-36E2076F43A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7" name="Text Placeholder note">
            <a:extLst>
              <a:ext uri="{FF2B5EF4-FFF2-40B4-BE49-F238E27FC236}">
                <a16:creationId xmlns:a16="http://schemas.microsoft.com/office/drawing/2014/main" id="{2E1CFC2B-19C0-985A-211A-6FE7BAB8460B}"/>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5" name="Pladsholder til dato 4" hidden="1">
            <a:extLst>
              <a:ext uri="{FF2B5EF4-FFF2-40B4-BE49-F238E27FC236}">
                <a16:creationId xmlns:a16="http://schemas.microsoft.com/office/drawing/2014/main" id="{D1F47E36-8FD2-023F-A3F0-6A8488CB4A07}"/>
              </a:ext>
            </a:extLst>
          </p:cNvPr>
          <p:cNvSpPr>
            <a:spLocks noGrp="1"/>
          </p:cNvSpPr>
          <p:nvPr>
            <p:ph type="dt" sz="half" idx="18"/>
          </p:nvPr>
        </p:nvSpPr>
        <p:spPr/>
        <p:txBody>
          <a:bodyPr/>
          <a:lstStyle/>
          <a:p>
            <a:fld id="{F2836A15-CD3D-4B71-9EF5-AEC44590494E}" type="datetime2">
              <a:rPr lang="da-DK" smtClean="0"/>
              <a:t>11. september 2024</a:t>
            </a:fld>
            <a:endParaRPr lang="da-DK" dirty="0"/>
          </a:p>
        </p:txBody>
      </p:sp>
      <p:sp>
        <p:nvSpPr>
          <p:cNvPr id="6" name="Pladsholder til sidefod 5" hidden="1">
            <a:extLst>
              <a:ext uri="{FF2B5EF4-FFF2-40B4-BE49-F238E27FC236}">
                <a16:creationId xmlns:a16="http://schemas.microsoft.com/office/drawing/2014/main" id="{EA570AF3-65DF-4E10-FBF4-D47551A4BDE5}"/>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8A044976-2ECF-2ADB-C87A-6C44A639C566}"/>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791516585"/>
      </p:ext>
    </p:extLst>
  </p:cSld>
  <p:clrMapOvr>
    <a:masterClrMapping/>
  </p:clrMapOvr>
  <p:extLst>
    <p:ext uri="{DCECCB84-F9BA-43D5-87BE-67443E8EF086}">
      <p15:sldGuideLst xmlns:p15="http://schemas.microsoft.com/office/powerpoint/2012/main"/>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Titel, undertitel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2800"/>
          </a:xfrm>
        </p:spPr>
        <p:txBody>
          <a:bodyPr/>
          <a:lstStyle>
            <a:lvl1pPr>
              <a:defRPr/>
            </a:lvl1pPr>
          </a:lstStyle>
          <a:p>
            <a:r>
              <a:rPr lang="da-DK" dirty="0"/>
              <a:t>Klik for at indsætte overskrift – max. en linje</a:t>
            </a:r>
          </a:p>
        </p:txBody>
      </p:sp>
      <p:sp>
        <p:nvSpPr>
          <p:cNvPr id="4" name="Subtitle 2">
            <a:extLst>
              <a:ext uri="{FF2B5EF4-FFF2-40B4-BE49-F238E27FC236}">
                <a16:creationId xmlns:a16="http://schemas.microsoft.com/office/drawing/2014/main" id="{8A008F28-7F58-53FE-932A-36E2076F43A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5" name="Text Placeholder note">
            <a:extLst>
              <a:ext uri="{FF2B5EF4-FFF2-40B4-BE49-F238E27FC236}">
                <a16:creationId xmlns:a16="http://schemas.microsoft.com/office/drawing/2014/main" id="{8792DB1C-0983-A1CA-84AA-58A7B0B1F5F1}"/>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6" name="Pladsholder til dato 5" hidden="1">
            <a:extLst>
              <a:ext uri="{FF2B5EF4-FFF2-40B4-BE49-F238E27FC236}">
                <a16:creationId xmlns:a16="http://schemas.microsoft.com/office/drawing/2014/main" id="{43A7B38C-AC60-A319-AB2C-55BE66DF4665}"/>
              </a:ext>
            </a:extLst>
          </p:cNvPr>
          <p:cNvSpPr>
            <a:spLocks noGrp="1"/>
          </p:cNvSpPr>
          <p:nvPr>
            <p:ph type="dt" sz="half" idx="18"/>
          </p:nvPr>
        </p:nvSpPr>
        <p:spPr/>
        <p:txBody>
          <a:bodyPr/>
          <a:lstStyle/>
          <a:p>
            <a:fld id="{56552087-3F32-47F5-8089-EB804B31A433}" type="datetime2">
              <a:rPr lang="da-DK" smtClean="0"/>
              <a:t>11. september 2024</a:t>
            </a:fld>
            <a:endParaRPr lang="da-DK" dirty="0"/>
          </a:p>
        </p:txBody>
      </p:sp>
      <p:sp>
        <p:nvSpPr>
          <p:cNvPr id="7" name="Pladsholder til sidefod 6" hidden="1">
            <a:extLst>
              <a:ext uri="{FF2B5EF4-FFF2-40B4-BE49-F238E27FC236}">
                <a16:creationId xmlns:a16="http://schemas.microsoft.com/office/drawing/2014/main" id="{5EB372C1-983D-2636-18BC-447D6080C951}"/>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40156EBA-D90E-0D39-97C2-DC28AF352730}"/>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191888996"/>
      </p:ext>
    </p:extLst>
  </p:cSld>
  <p:clrMapOvr>
    <a:masterClrMapping/>
  </p:clrMapOvr>
  <p:extLst>
    <p:ext uri="{DCECCB84-F9BA-43D5-87BE-67443E8EF086}">
      <p15:sldGuideLst xmlns:p15="http://schemas.microsoft.com/office/powerpoint/2012/main"/>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itel, undertitel og indhold i boks">
    <p:bg>
      <p:bgPr>
        <a:solidFill>
          <a:schemeClr val="bg2"/>
        </a:solidFill>
        <a:effectLst/>
      </p:bgPr>
    </p:bg>
    <p:spTree>
      <p:nvGrpSpPr>
        <p:cNvPr id="1" name=""/>
        <p:cNvGrpSpPr/>
        <p:nvPr/>
      </p:nvGrpSpPr>
      <p:grpSpPr>
        <a:xfrm>
          <a:off x="0" y="0"/>
          <a:ext cx="0" cy="0"/>
          <a:chOff x="0" y="0"/>
          <a:chExt cx="0" cy="0"/>
        </a:xfrm>
      </p:grpSpPr>
      <p:sp>
        <p:nvSpPr>
          <p:cNvPr id="8" name="Kombinationstegning: figur 7">
            <a:extLst>
              <a:ext uri="{FF2B5EF4-FFF2-40B4-BE49-F238E27FC236}">
                <a16:creationId xmlns:a16="http://schemas.microsoft.com/office/drawing/2014/main" id="{FCA7672F-42E3-2578-E46F-914C432316A7}"/>
              </a:ext>
            </a:extLst>
          </p:cNvPr>
          <p:cNvSpPr/>
          <p:nvPr userDrawn="1"/>
        </p:nvSpPr>
        <p:spPr bwMode="auto">
          <a:xfrm flipV="1">
            <a:off x="388800" y="1685926"/>
            <a:ext cx="11415600" cy="4264024"/>
          </a:xfrm>
          <a:custGeom>
            <a:avLst/>
            <a:gdLst>
              <a:gd name="connsiteX0" fmla="*/ 532065 w 11415600"/>
              <a:gd name="connsiteY0" fmla="*/ 4264024 h 4264024"/>
              <a:gd name="connsiteX1" fmla="*/ 10883535 w 11415600"/>
              <a:gd name="connsiteY1" fmla="*/ 4264024 h 4264024"/>
              <a:gd name="connsiteX2" fmla="*/ 11415600 w 11415600"/>
              <a:gd name="connsiteY2" fmla="*/ 3731959 h 4264024"/>
              <a:gd name="connsiteX3" fmla="*/ 11415600 w 11415600"/>
              <a:gd name="connsiteY3" fmla="*/ 532065 h 4264024"/>
              <a:gd name="connsiteX4" fmla="*/ 10883535 w 11415600"/>
              <a:gd name="connsiteY4" fmla="*/ 0 h 4264024"/>
              <a:gd name="connsiteX5" fmla="*/ 2958353 w 11415600"/>
              <a:gd name="connsiteY5" fmla="*/ 0 h 4264024"/>
              <a:gd name="connsiteX6" fmla="*/ 532065 w 11415600"/>
              <a:gd name="connsiteY6" fmla="*/ 0 h 4264024"/>
              <a:gd name="connsiteX7" fmla="*/ 0 w 11415600"/>
              <a:gd name="connsiteY7" fmla="*/ 0 h 4264024"/>
              <a:gd name="connsiteX8" fmla="*/ 0 w 11415600"/>
              <a:gd name="connsiteY8" fmla="*/ 532065 h 4264024"/>
              <a:gd name="connsiteX9" fmla="*/ 0 w 11415600"/>
              <a:gd name="connsiteY9" fmla="*/ 1936376 h 4264024"/>
              <a:gd name="connsiteX10" fmla="*/ 0 w 11415600"/>
              <a:gd name="connsiteY10" fmla="*/ 3731959 h 4264024"/>
              <a:gd name="connsiteX11" fmla="*/ 532065 w 11415600"/>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415600" h="4264024">
                <a:moveTo>
                  <a:pt x="532065" y="4264024"/>
                </a:moveTo>
                <a:lnTo>
                  <a:pt x="10883535" y="4264024"/>
                </a:lnTo>
                <a:cubicBezTo>
                  <a:pt x="11177386" y="4264024"/>
                  <a:pt x="11415600" y="4025810"/>
                  <a:pt x="11415600" y="3731959"/>
                </a:cubicBezTo>
                <a:lnTo>
                  <a:pt x="11415600" y="532065"/>
                </a:lnTo>
                <a:cubicBezTo>
                  <a:pt x="11415600" y="238214"/>
                  <a:pt x="11177386" y="0"/>
                  <a:pt x="10883535" y="0"/>
                </a:cubicBezTo>
                <a:lnTo>
                  <a:pt x="2958353" y="0"/>
                </a:lnTo>
                <a:lnTo>
                  <a:pt x="532065" y="0"/>
                </a:lnTo>
                <a:lnTo>
                  <a:pt x="0" y="0"/>
                </a:lnTo>
                <a:lnTo>
                  <a:pt x="0" y="532065"/>
                </a:lnTo>
                <a:lnTo>
                  <a:pt x="0" y="1936376"/>
                </a:lnTo>
                <a:lnTo>
                  <a:pt x="0" y="3731959"/>
                </a:lnTo>
                <a:cubicBezTo>
                  <a:pt x="0" y="4025810"/>
                  <a:pt x="238214" y="4264024"/>
                  <a:pt x="532065"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7999"/>
            <a:ext cx="10897200" cy="532800"/>
          </a:xfrm>
        </p:spPr>
        <p:txBody>
          <a:bodyPr/>
          <a:lstStyle>
            <a:lvl1pPr>
              <a:defRPr/>
            </a:lvl1pPr>
          </a:lstStyle>
          <a:p>
            <a:r>
              <a:rPr lang="da-DK" dirty="0"/>
              <a:t>Klik for at indsætte overskrift – max. en linje</a:t>
            </a:r>
          </a:p>
        </p:txBody>
      </p:sp>
      <p:sp>
        <p:nvSpPr>
          <p:cNvPr id="16" name="Subtitle 2">
            <a:extLst>
              <a:ext uri="{FF2B5EF4-FFF2-40B4-BE49-F238E27FC236}">
                <a16:creationId xmlns:a16="http://schemas.microsoft.com/office/drawing/2014/main" id="{1B5E41F0-74B6-2393-700A-01C30B8B255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647999" y="1944000"/>
            <a:ext cx="10894713"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49"/>
            <a:ext cx="5320612" cy="291600"/>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11" name="Pladsholder til dato 10" hidden="1">
            <a:extLst>
              <a:ext uri="{FF2B5EF4-FFF2-40B4-BE49-F238E27FC236}">
                <a16:creationId xmlns:a16="http://schemas.microsoft.com/office/drawing/2014/main" id="{04785889-1C42-8018-88B4-382E17914982}"/>
              </a:ext>
            </a:extLst>
          </p:cNvPr>
          <p:cNvSpPr>
            <a:spLocks noGrp="1"/>
          </p:cNvSpPr>
          <p:nvPr>
            <p:ph type="dt" sz="half" idx="18"/>
          </p:nvPr>
        </p:nvSpPr>
        <p:spPr/>
        <p:txBody>
          <a:bodyPr/>
          <a:lstStyle/>
          <a:p>
            <a:fld id="{90600F65-4630-4DB7-A1B9-C084C7A42560}" type="datetime2">
              <a:rPr lang="da-DK" smtClean="0"/>
              <a:t>11. september 2024</a:t>
            </a:fld>
            <a:endParaRPr lang="da-DK" dirty="0"/>
          </a:p>
        </p:txBody>
      </p:sp>
      <p:sp>
        <p:nvSpPr>
          <p:cNvPr id="12" name="Pladsholder til sidefod 11" hidden="1">
            <a:extLst>
              <a:ext uri="{FF2B5EF4-FFF2-40B4-BE49-F238E27FC236}">
                <a16:creationId xmlns:a16="http://schemas.microsoft.com/office/drawing/2014/main" id="{E6C4E954-D637-A7F3-45FB-CDA533E1934C}"/>
              </a:ext>
            </a:extLst>
          </p:cNvPr>
          <p:cNvSpPr>
            <a:spLocks noGrp="1"/>
          </p:cNvSpPr>
          <p:nvPr>
            <p:ph type="ftr" sz="quarter" idx="19"/>
          </p:nvPr>
        </p:nvSpPr>
        <p:spPr/>
        <p:txBody>
          <a:bodyPr/>
          <a:lstStyle/>
          <a:p>
            <a:endParaRPr lang="da-DK" dirty="0"/>
          </a:p>
        </p:txBody>
      </p:sp>
      <p:sp>
        <p:nvSpPr>
          <p:cNvPr id="13" name="Pladsholder til slidenummer 12" hidden="1">
            <a:extLst>
              <a:ext uri="{FF2B5EF4-FFF2-40B4-BE49-F238E27FC236}">
                <a16:creationId xmlns:a16="http://schemas.microsoft.com/office/drawing/2014/main" id="{CC26FD0B-9B11-6D68-E9C1-DC541A0BB51D}"/>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894630825"/>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Forside billede uden navn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B9D254C8-3CF1-61FB-D1B5-12181816FD81}"/>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25EE4BB6-1872-41CD-8FC5-9B4C6EC8EFBF}" type="datetime2">
              <a:rPr lang="da-DK" smtClean="0"/>
              <a:t>11. september 2024</a:t>
            </a:fld>
            <a:endParaRPr lang="da-DK" dirty="0"/>
          </a:p>
        </p:txBody>
      </p:sp>
      <p:sp>
        <p:nvSpPr>
          <p:cNvPr id="11" name="Footer Placeholder 8" hidden="1">
            <a:extLst>
              <a:ext uri="{FF2B5EF4-FFF2-40B4-BE49-F238E27FC236}">
                <a16:creationId xmlns:a16="http://schemas.microsoft.com/office/drawing/2014/main" id="{7AC1EA72-2ABB-A105-6A9A-CF2A2F6E8890}"/>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38A0F504-3DCC-14C8-F974-E890C35FE8B8}"/>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2" name="Title 1">
            <a:extLst>
              <a:ext uri="{FF2B5EF4-FFF2-40B4-BE49-F238E27FC236}">
                <a16:creationId xmlns:a16="http://schemas.microsoft.com/office/drawing/2014/main" id="{BAA1FC40-0E07-46B2-80F9-1324562DE668}"/>
              </a:ext>
            </a:extLst>
          </p:cNvPr>
          <p:cNvSpPr>
            <a:spLocks noGrp="1"/>
          </p:cNvSpPr>
          <p:nvPr>
            <p:ph type="title" hasCustomPrompt="1"/>
          </p:nvPr>
        </p:nvSpPr>
        <p:spPr>
          <a:xfrm>
            <a:off x="648000" y="648000"/>
            <a:ext cx="7435550" cy="1296000"/>
          </a:xfrm>
        </p:spPr>
        <p:txBody>
          <a:bodyPr/>
          <a:lstStyle>
            <a:lvl1pPr>
              <a:defRPr sz="4800">
                <a:solidFill>
                  <a:schemeClr val="bg1"/>
                </a:solidFill>
              </a:defRPr>
            </a:lvl1pPr>
          </a:lstStyle>
          <a:p>
            <a:r>
              <a:rPr lang="da-DK" dirty="0"/>
              <a:t>Klik for at indsætte overskrift – max. to linjer</a:t>
            </a:r>
          </a:p>
        </p:txBody>
      </p:sp>
      <p:sp>
        <p:nvSpPr>
          <p:cNvPr id="4" name="TextBox 16">
            <a:extLst>
              <a:ext uri="{FF2B5EF4-FFF2-40B4-BE49-F238E27FC236}">
                <a16:creationId xmlns:a16="http://schemas.microsoft.com/office/drawing/2014/main" id="{FEB0DF23-2BCC-CAD7-380E-9DB66BFF5E6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13" name="Pladsholder til tekst 12">
            <a:extLst>
              <a:ext uri="{FF2B5EF4-FFF2-40B4-BE49-F238E27FC236}">
                <a16:creationId xmlns:a16="http://schemas.microsoft.com/office/drawing/2014/main" id="{F50CF705-5B0B-ABEE-C230-0BB82AD954AC}"/>
              </a:ext>
            </a:extLst>
          </p:cNvPr>
          <p:cNvSpPr>
            <a:spLocks noGrp="1"/>
          </p:cNvSpPr>
          <p:nvPr>
            <p:ph type="body" sz="quarter" idx="18" hasCustomPrompt="1"/>
          </p:nvPr>
        </p:nvSpPr>
        <p:spPr>
          <a:xfrm>
            <a:off x="9653618" y="2154813"/>
            <a:ext cx="1780398" cy="1660041"/>
          </a:xfrm>
          <a:custGeom>
            <a:avLst/>
            <a:gdLst>
              <a:gd name="connsiteX0" fmla="*/ 178039 w 1780398"/>
              <a:gd name="connsiteY0" fmla="*/ 0 h 1660041"/>
              <a:gd name="connsiteX1" fmla="*/ 1602359 w 1780398"/>
              <a:gd name="connsiteY1" fmla="*/ 0 h 1660041"/>
              <a:gd name="connsiteX2" fmla="*/ 1780398 w 1780398"/>
              <a:gd name="connsiteY2" fmla="*/ 178039 h 1660041"/>
              <a:gd name="connsiteX3" fmla="*/ 1780398 w 1780398"/>
              <a:gd name="connsiteY3" fmla="*/ 1482002 h 1660041"/>
              <a:gd name="connsiteX4" fmla="*/ 1602359 w 1780398"/>
              <a:gd name="connsiteY4" fmla="*/ 1660041 h 1660041"/>
              <a:gd name="connsiteX5" fmla="*/ 679802 w 1780398"/>
              <a:gd name="connsiteY5" fmla="*/ 1660041 h 1660041"/>
              <a:gd name="connsiteX6" fmla="*/ 178039 w 1780398"/>
              <a:gd name="connsiteY6" fmla="*/ 1660041 h 1660041"/>
              <a:gd name="connsiteX7" fmla="*/ 0 w 1780398"/>
              <a:gd name="connsiteY7" fmla="*/ 1660041 h 1660041"/>
              <a:gd name="connsiteX8" fmla="*/ 0 w 1780398"/>
              <a:gd name="connsiteY8" fmla="*/ 1482002 h 1660041"/>
              <a:gd name="connsiteX9" fmla="*/ 0 w 1780398"/>
              <a:gd name="connsiteY9" fmla="*/ 1078877 h 1660041"/>
              <a:gd name="connsiteX10" fmla="*/ 0 w 1780398"/>
              <a:gd name="connsiteY10" fmla="*/ 178039 h 1660041"/>
              <a:gd name="connsiteX11" fmla="*/ 178039 w 1780398"/>
              <a:gd name="connsiteY11" fmla="*/ 0 h 16600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0398" h="1660041">
                <a:moveTo>
                  <a:pt x="178039" y="0"/>
                </a:moveTo>
                <a:lnTo>
                  <a:pt x="1602359" y="0"/>
                </a:lnTo>
                <a:cubicBezTo>
                  <a:pt x="1700687" y="0"/>
                  <a:pt x="1780398" y="79711"/>
                  <a:pt x="1780398" y="178039"/>
                </a:cubicBezTo>
                <a:lnTo>
                  <a:pt x="1780398" y="1482002"/>
                </a:lnTo>
                <a:cubicBezTo>
                  <a:pt x="1780398" y="1580330"/>
                  <a:pt x="1700687" y="1660041"/>
                  <a:pt x="1602359" y="1660041"/>
                </a:cubicBezTo>
                <a:lnTo>
                  <a:pt x="679802" y="1660041"/>
                </a:lnTo>
                <a:lnTo>
                  <a:pt x="178039" y="1660041"/>
                </a:lnTo>
                <a:lnTo>
                  <a:pt x="0" y="1660041"/>
                </a:lnTo>
                <a:lnTo>
                  <a:pt x="0" y="1482002"/>
                </a:lnTo>
                <a:lnTo>
                  <a:pt x="0" y="1078877"/>
                </a:lnTo>
                <a:lnTo>
                  <a:pt x="0" y="178039"/>
                </a:lnTo>
                <a:cubicBezTo>
                  <a:pt x="0" y="79711"/>
                  <a:pt x="79711" y="0"/>
                  <a:pt x="178039" y="0"/>
                </a:cubicBezTo>
                <a:close/>
              </a:path>
            </a:pathLst>
          </a:custGeom>
          <a:ln w="15875">
            <a:solidFill>
              <a:schemeClr val="bg1"/>
            </a:solidFill>
          </a:ln>
        </p:spPr>
        <p:txBody>
          <a:bodyPr wrap="square" lIns="72000" tIns="72000" rIns="72000" bIns="72000" anchor="ctr" anchorCtr="0">
            <a:noAutofit/>
          </a:bodyPr>
          <a:lstStyle>
            <a:lvl1pPr marL="0" indent="0" algn="ctr">
              <a:lnSpc>
                <a:spcPct val="100000"/>
              </a:lnSpc>
              <a:spcAft>
                <a:spcPts val="0"/>
              </a:spcAft>
              <a:buFont typeface="Arial" panose="020B0604020202020204" pitchFamily="34" charset="0"/>
              <a:buNone/>
              <a:defRPr sz="100" b="0">
                <a:noFill/>
                <a:latin typeface="DI Numbers Office" pitchFamily="2" charset="0"/>
              </a:defRPr>
            </a:lvl1pPr>
            <a:lvl2pPr marL="0" indent="0">
              <a:lnSpc>
                <a:spcPct val="87000"/>
              </a:lnSpc>
              <a:spcAft>
                <a:spcPts val="0"/>
              </a:spcAft>
              <a:buFont typeface="Arial" panose="020B0604020202020204" pitchFamily="34" charset="0"/>
              <a:buNone/>
              <a:defRPr sz="6000" b="0">
                <a:latin typeface="DI Numbers Office" pitchFamily="2" charset="0"/>
              </a:defRPr>
            </a:lvl2pPr>
            <a:lvl3pPr marL="0" indent="0">
              <a:lnSpc>
                <a:spcPct val="87000"/>
              </a:lnSpc>
              <a:spcAft>
                <a:spcPts val="0"/>
              </a:spcAft>
              <a:buFont typeface="Arial" panose="020B0604020202020204" pitchFamily="34" charset="0"/>
              <a:buNone/>
              <a:defRPr sz="6000" b="0">
                <a:latin typeface="DI Numbers Office" pitchFamily="2" charset="0"/>
              </a:defRPr>
            </a:lvl3pPr>
            <a:lvl4pPr marL="0" indent="0">
              <a:lnSpc>
                <a:spcPct val="87000"/>
              </a:lnSpc>
              <a:spcAft>
                <a:spcPts val="0"/>
              </a:spcAft>
              <a:buFont typeface="Arial" panose="020B0604020202020204" pitchFamily="34" charset="0"/>
              <a:buNone/>
              <a:defRPr sz="6000" b="0">
                <a:latin typeface="DI Numbers Office" pitchFamily="2" charset="0"/>
              </a:defRPr>
            </a:lvl4pPr>
            <a:lvl5pPr marL="0" indent="0">
              <a:lnSpc>
                <a:spcPct val="87000"/>
              </a:lnSpc>
              <a:spcAft>
                <a:spcPts val="0"/>
              </a:spcAft>
              <a:buFont typeface="Arial" panose="020B0604020202020204" pitchFamily="34" charset="0"/>
              <a:buNone/>
              <a:defRPr sz="6000" b="0">
                <a:latin typeface="DI Numbers Office" pitchFamily="2" charset="0"/>
              </a:defRPr>
            </a:lvl5pPr>
            <a:lvl6pPr marL="0" indent="0">
              <a:lnSpc>
                <a:spcPct val="87000"/>
              </a:lnSpc>
              <a:spcAft>
                <a:spcPts val="0"/>
              </a:spcAft>
              <a:buFont typeface="Arial" panose="020B0604020202020204" pitchFamily="34" charset="0"/>
              <a:buNone/>
              <a:defRPr sz="6000" b="0">
                <a:latin typeface="DI Numbers Office" pitchFamily="2" charset="0"/>
              </a:defRPr>
            </a:lvl6pPr>
            <a:lvl7pPr marL="0" indent="0">
              <a:lnSpc>
                <a:spcPct val="87000"/>
              </a:lnSpc>
              <a:spcAft>
                <a:spcPts val="0"/>
              </a:spcAft>
              <a:buFont typeface="Arial" panose="020B0604020202020204" pitchFamily="34" charset="0"/>
              <a:buNone/>
              <a:defRPr sz="6000" b="0">
                <a:latin typeface="DI Numbers Office" pitchFamily="2" charset="0"/>
              </a:defRPr>
            </a:lvl7pPr>
            <a:lvl8pPr marL="0" indent="0">
              <a:lnSpc>
                <a:spcPct val="87000"/>
              </a:lnSpc>
              <a:spcAft>
                <a:spcPts val="0"/>
              </a:spcAft>
              <a:buFont typeface="Arial" panose="020B0604020202020204" pitchFamily="34" charset="0"/>
              <a:buNone/>
              <a:defRPr sz="6000" b="0">
                <a:latin typeface="DI Numbers Office" pitchFamily="2" charset="0"/>
              </a:defRPr>
            </a:lvl8pPr>
            <a:lvl9pPr marL="0" indent="0">
              <a:lnSpc>
                <a:spcPct val="87000"/>
              </a:lnSpc>
              <a:spcAft>
                <a:spcPts val="0"/>
              </a:spcAft>
              <a:buFont typeface="Arial" panose="020B0604020202020204" pitchFamily="34" charset="0"/>
              <a:buNone/>
              <a:defRPr sz="6000" b="0">
                <a:latin typeface="DI Numbers Office" pitchFamily="2" charset="0"/>
              </a:defRPr>
            </a:lvl9pPr>
          </a:lstStyle>
          <a:p>
            <a:pPr lvl="0"/>
            <a:r>
              <a:rPr lang="da-DK" noProof="0" dirty="0"/>
              <a:t>.</a:t>
            </a:r>
            <a:endParaRPr lang="da-DK" dirty="0"/>
          </a:p>
        </p:txBody>
      </p:sp>
      <p:pic>
        <p:nvPicPr>
          <p:cNvPr id="5" name="Dynamic cover logo hvid" descr="{&quot;templafy&quot;:{&quot;id&quot;:&quot;ec48f4be-05b7-4291-ba25-02c0e0a4d84e&quot;}}">
            <a:extLst>
              <a:ext uri="{FF2B5EF4-FFF2-40B4-BE49-F238E27FC236}">
                <a16:creationId xmlns:a16="http://schemas.microsoft.com/office/drawing/2014/main" id="{86B3100A-1EA4-EB69-4300-633E7C4E2C11}"/>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1536318927"/>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itel og to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317200" cy="399155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27075" y="1944000"/>
            <a:ext cx="5317200" cy="39924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endParaRPr lang="da-DK" noProof="0"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50"/>
            <a:ext cx="5320612"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FEE035DC-5E52-49D5-01CA-72F773A5C764}"/>
              </a:ext>
            </a:extLst>
          </p:cNvPr>
          <p:cNvSpPr>
            <a:spLocks noGrp="1"/>
          </p:cNvSpPr>
          <p:nvPr>
            <p:ph type="dt" sz="half" idx="18"/>
          </p:nvPr>
        </p:nvSpPr>
        <p:spPr/>
        <p:txBody>
          <a:bodyPr/>
          <a:lstStyle/>
          <a:p>
            <a:fld id="{E4603E96-4A59-4D64-B873-DB1F86E9F89F}" type="datetime2">
              <a:rPr lang="da-DK" smtClean="0"/>
              <a:t>11. september 2024</a:t>
            </a:fld>
            <a:endParaRPr lang="da-DK" dirty="0"/>
          </a:p>
        </p:txBody>
      </p:sp>
      <p:sp>
        <p:nvSpPr>
          <p:cNvPr id="10" name="Pladsholder til sidefod 9" hidden="1">
            <a:extLst>
              <a:ext uri="{FF2B5EF4-FFF2-40B4-BE49-F238E27FC236}">
                <a16:creationId xmlns:a16="http://schemas.microsoft.com/office/drawing/2014/main" id="{8AEB8CCF-D4B5-0517-FDCE-D272C6EC754B}"/>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5DA6C8E0-9B05-AC27-CA18-AA8D28CD4703}"/>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553747093"/>
      </p:ext>
    </p:extLst>
  </p:cSld>
  <p:clrMapOvr>
    <a:masterClrMapping/>
  </p:clrMapOvr>
  <p:extLst>
    <p:ext uri="{DCECCB84-F9BA-43D5-87BE-67443E8EF086}">
      <p15:sldGuideLst xmlns:p15="http://schemas.microsoft.com/office/powerpoint/2012/main"/>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itel og to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317200" cy="399155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27075" y="1944000"/>
            <a:ext cx="5317200" cy="39924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C96D60FE-CC0D-010F-930B-89889DF1D45C}"/>
              </a:ext>
            </a:extLst>
          </p:cNvPr>
          <p:cNvSpPr>
            <a:spLocks noGrp="1"/>
          </p:cNvSpPr>
          <p:nvPr>
            <p:ph type="body" sz="quarter" idx="17" hasCustomPrompt="1"/>
          </p:nvPr>
        </p:nvSpPr>
        <p:spPr>
          <a:xfrm>
            <a:off x="6224588" y="5949950"/>
            <a:ext cx="5320612"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8E9C1547-4563-166E-5B09-EC0B38B49165}"/>
              </a:ext>
            </a:extLst>
          </p:cNvPr>
          <p:cNvSpPr>
            <a:spLocks noGrp="1"/>
          </p:cNvSpPr>
          <p:nvPr>
            <p:ph type="dt" sz="half" idx="18"/>
          </p:nvPr>
        </p:nvSpPr>
        <p:spPr/>
        <p:txBody>
          <a:bodyPr/>
          <a:lstStyle/>
          <a:p>
            <a:fld id="{39A1AC5C-6B35-489B-A91E-EF042B89B749}" type="datetime2">
              <a:rPr lang="da-DK" smtClean="0"/>
              <a:t>11. september 2024</a:t>
            </a:fld>
            <a:endParaRPr lang="da-DK" dirty="0"/>
          </a:p>
        </p:txBody>
      </p:sp>
      <p:sp>
        <p:nvSpPr>
          <p:cNvPr id="10" name="Pladsholder til sidefod 9" hidden="1">
            <a:extLst>
              <a:ext uri="{FF2B5EF4-FFF2-40B4-BE49-F238E27FC236}">
                <a16:creationId xmlns:a16="http://schemas.microsoft.com/office/drawing/2014/main" id="{8AC89008-D6EE-EFE5-FA31-1DCEEA702014}"/>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D991810C-2445-78C1-75AE-248DA7B18ACD}"/>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808117730"/>
      </p:ext>
    </p:extLst>
  </p:cSld>
  <p:clrMapOvr>
    <a:masterClrMapping/>
  </p:clrMapOvr>
  <p:extLst>
    <p:ext uri="{DCECCB84-F9BA-43D5-87BE-67443E8EF086}">
      <p15:sldGuideLst xmlns:p15="http://schemas.microsoft.com/office/powerpoint/2012/main"/>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itel og indhold i bokse">
    <p:bg>
      <p:bgPr>
        <a:solidFill>
          <a:schemeClr val="bg2"/>
        </a:solidFill>
        <a:effectLst/>
      </p:bgPr>
    </p:bg>
    <p:spTree>
      <p:nvGrpSpPr>
        <p:cNvPr id="1" name=""/>
        <p:cNvGrpSpPr/>
        <p:nvPr/>
      </p:nvGrpSpPr>
      <p:grpSpPr>
        <a:xfrm>
          <a:off x="0" y="0"/>
          <a:ext cx="0" cy="0"/>
          <a:chOff x="0" y="0"/>
          <a:chExt cx="0" cy="0"/>
        </a:xfrm>
      </p:grpSpPr>
      <p:sp>
        <p:nvSpPr>
          <p:cNvPr id="17" name="Kombinationstegning: figur 16">
            <a:extLst>
              <a:ext uri="{FF2B5EF4-FFF2-40B4-BE49-F238E27FC236}">
                <a16:creationId xmlns:a16="http://schemas.microsoft.com/office/drawing/2014/main" id="{A9044547-A8D9-180D-A965-E52CFBC0DB82}"/>
              </a:ext>
            </a:extLst>
          </p:cNvPr>
          <p:cNvSpPr/>
          <p:nvPr userDrawn="1"/>
        </p:nvSpPr>
        <p:spPr bwMode="auto">
          <a:xfrm flipV="1">
            <a:off x="6226176" y="1685926"/>
            <a:ext cx="5316538" cy="4264024"/>
          </a:xfrm>
          <a:custGeom>
            <a:avLst/>
            <a:gdLst>
              <a:gd name="connsiteX0" fmla="*/ 529848 w 5316538"/>
              <a:gd name="connsiteY0" fmla="*/ 4264024 h 4264024"/>
              <a:gd name="connsiteX1" fmla="*/ 4786690 w 5316538"/>
              <a:gd name="connsiteY1" fmla="*/ 4264024 h 4264024"/>
              <a:gd name="connsiteX2" fmla="*/ 5316538 w 5316538"/>
              <a:gd name="connsiteY2" fmla="*/ 3734176 h 4264024"/>
              <a:gd name="connsiteX3" fmla="*/ 5316538 w 5316538"/>
              <a:gd name="connsiteY3" fmla="*/ 529848 h 4264024"/>
              <a:gd name="connsiteX4" fmla="*/ 4786690 w 5316538"/>
              <a:gd name="connsiteY4" fmla="*/ 0 h 4264024"/>
              <a:gd name="connsiteX5" fmla="*/ 1571625 w 5316538"/>
              <a:gd name="connsiteY5" fmla="*/ 0 h 4264024"/>
              <a:gd name="connsiteX6" fmla="*/ 529848 w 5316538"/>
              <a:gd name="connsiteY6" fmla="*/ 0 h 4264024"/>
              <a:gd name="connsiteX7" fmla="*/ 0 w 5316538"/>
              <a:gd name="connsiteY7" fmla="*/ 0 h 4264024"/>
              <a:gd name="connsiteX8" fmla="*/ 0 w 5316538"/>
              <a:gd name="connsiteY8" fmla="*/ 529848 h 4264024"/>
              <a:gd name="connsiteX9" fmla="*/ 0 w 5316538"/>
              <a:gd name="connsiteY9" fmla="*/ 1143000 h 4264024"/>
              <a:gd name="connsiteX10" fmla="*/ 0 w 5316538"/>
              <a:gd name="connsiteY10" fmla="*/ 3734176 h 4264024"/>
              <a:gd name="connsiteX11" fmla="*/ 529848 w 5316538"/>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316538" h="4264024">
                <a:moveTo>
                  <a:pt x="529848" y="4264024"/>
                </a:moveTo>
                <a:lnTo>
                  <a:pt x="4786690" y="4264024"/>
                </a:lnTo>
                <a:cubicBezTo>
                  <a:pt x="5079317" y="4264024"/>
                  <a:pt x="5316538" y="4026803"/>
                  <a:pt x="5316538" y="3734176"/>
                </a:cubicBezTo>
                <a:lnTo>
                  <a:pt x="5316538" y="529848"/>
                </a:lnTo>
                <a:cubicBezTo>
                  <a:pt x="5316538" y="237221"/>
                  <a:pt x="5079317" y="0"/>
                  <a:pt x="4786690" y="0"/>
                </a:cubicBezTo>
                <a:lnTo>
                  <a:pt x="1571625" y="0"/>
                </a:lnTo>
                <a:lnTo>
                  <a:pt x="529848" y="0"/>
                </a:lnTo>
                <a:lnTo>
                  <a:pt x="0" y="0"/>
                </a:lnTo>
                <a:lnTo>
                  <a:pt x="0" y="529848"/>
                </a:lnTo>
                <a:lnTo>
                  <a:pt x="0" y="1143000"/>
                </a:lnTo>
                <a:lnTo>
                  <a:pt x="0" y="3734176"/>
                </a:lnTo>
                <a:cubicBezTo>
                  <a:pt x="0" y="4026803"/>
                  <a:pt x="237221" y="4264024"/>
                  <a:pt x="529848"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0" name="Kombinationstegning: figur 19">
            <a:extLst>
              <a:ext uri="{FF2B5EF4-FFF2-40B4-BE49-F238E27FC236}">
                <a16:creationId xmlns:a16="http://schemas.microsoft.com/office/drawing/2014/main" id="{D5E9D3E4-E47D-0971-DD47-F2DC5A405712}"/>
              </a:ext>
            </a:extLst>
          </p:cNvPr>
          <p:cNvSpPr/>
          <p:nvPr userDrawn="1"/>
        </p:nvSpPr>
        <p:spPr bwMode="auto">
          <a:xfrm flipV="1">
            <a:off x="0" y="1685925"/>
            <a:ext cx="5965825" cy="4264024"/>
          </a:xfrm>
          <a:custGeom>
            <a:avLst/>
            <a:gdLst>
              <a:gd name="connsiteX0" fmla="*/ 0 w 5965825"/>
              <a:gd name="connsiteY0" fmla="*/ 4264024 h 4264024"/>
              <a:gd name="connsiteX1" fmla="*/ 537139 w 5965825"/>
              <a:gd name="connsiteY1" fmla="*/ 4264024 h 4264024"/>
              <a:gd name="connsiteX2" fmla="*/ 1571625 w 5965825"/>
              <a:gd name="connsiteY2" fmla="*/ 4264024 h 4264024"/>
              <a:gd name="connsiteX3" fmla="*/ 5428686 w 5965825"/>
              <a:gd name="connsiteY3" fmla="*/ 4264024 h 4264024"/>
              <a:gd name="connsiteX4" fmla="*/ 5965825 w 5965825"/>
              <a:gd name="connsiteY4" fmla="*/ 3726885 h 4264024"/>
              <a:gd name="connsiteX5" fmla="*/ 5965825 w 5965825"/>
              <a:gd name="connsiteY5" fmla="*/ 537139 h 4264024"/>
              <a:gd name="connsiteX6" fmla="*/ 5428686 w 5965825"/>
              <a:gd name="connsiteY6" fmla="*/ 0 h 4264024"/>
              <a:gd name="connsiteX7" fmla="*/ 1571625 w 5965825"/>
              <a:gd name="connsiteY7" fmla="*/ 0 h 4264024"/>
              <a:gd name="connsiteX8" fmla="*/ 537139 w 5965825"/>
              <a:gd name="connsiteY8" fmla="*/ 0 h 4264024"/>
              <a:gd name="connsiteX9" fmla="*/ 0 w 5965825"/>
              <a:gd name="connsiteY9" fmla="*/ 0 h 4264024"/>
              <a:gd name="connsiteX10" fmla="*/ 0 w 5965825"/>
              <a:gd name="connsiteY10" fmla="*/ 537139 h 4264024"/>
              <a:gd name="connsiteX11" fmla="*/ 0 w 5965825"/>
              <a:gd name="connsiteY11" fmla="*/ 1143000 h 4264024"/>
              <a:gd name="connsiteX12" fmla="*/ 0 w 5965825"/>
              <a:gd name="connsiteY12" fmla="*/ 3121024 h 4264024"/>
              <a:gd name="connsiteX13" fmla="*/ 0 w 5965825"/>
              <a:gd name="connsiteY13" fmla="*/ 3726885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65825" h="4264024">
                <a:moveTo>
                  <a:pt x="0" y="4264024"/>
                </a:moveTo>
                <a:lnTo>
                  <a:pt x="537139" y="4264024"/>
                </a:lnTo>
                <a:lnTo>
                  <a:pt x="1571625" y="4264024"/>
                </a:lnTo>
                <a:lnTo>
                  <a:pt x="5428686" y="4264024"/>
                </a:lnTo>
                <a:cubicBezTo>
                  <a:pt x="5725340" y="4264024"/>
                  <a:pt x="5965825" y="4023539"/>
                  <a:pt x="5965825" y="3726885"/>
                </a:cubicBezTo>
                <a:lnTo>
                  <a:pt x="5965825" y="537139"/>
                </a:lnTo>
                <a:cubicBezTo>
                  <a:pt x="5965825" y="240485"/>
                  <a:pt x="5725340" y="0"/>
                  <a:pt x="5428686" y="0"/>
                </a:cubicBezTo>
                <a:lnTo>
                  <a:pt x="1571625" y="0"/>
                </a:lnTo>
                <a:lnTo>
                  <a:pt x="537139" y="0"/>
                </a:lnTo>
                <a:lnTo>
                  <a:pt x="0" y="0"/>
                </a:lnTo>
                <a:lnTo>
                  <a:pt x="0" y="537139"/>
                </a:lnTo>
                <a:lnTo>
                  <a:pt x="0" y="1143000"/>
                </a:lnTo>
                <a:lnTo>
                  <a:pt x="0" y="3121024"/>
                </a:lnTo>
                <a:lnTo>
                  <a:pt x="0" y="3726885"/>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5100"/>
          </a:xfrm>
        </p:spPr>
        <p:txBody>
          <a:bodyPr/>
          <a:lstStyle>
            <a:lvl1pPr>
              <a:defRPr/>
            </a:lvl1p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059720"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486526" y="1944000"/>
            <a:ext cx="4796518"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49"/>
            <a:ext cx="5320612" cy="291600"/>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2EA650DF-7CD7-C817-0573-0C30E75AD0F4}"/>
              </a:ext>
            </a:extLst>
          </p:cNvPr>
          <p:cNvSpPr>
            <a:spLocks noGrp="1"/>
          </p:cNvSpPr>
          <p:nvPr>
            <p:ph type="dt" sz="half" idx="18"/>
          </p:nvPr>
        </p:nvSpPr>
        <p:spPr/>
        <p:txBody>
          <a:bodyPr/>
          <a:lstStyle/>
          <a:p>
            <a:fld id="{1176805D-954B-49CB-96C9-66920B5A91A3}" type="datetime2">
              <a:rPr lang="da-DK" smtClean="0"/>
              <a:t>11. september 2024</a:t>
            </a:fld>
            <a:endParaRPr lang="da-DK" dirty="0"/>
          </a:p>
        </p:txBody>
      </p:sp>
      <p:sp>
        <p:nvSpPr>
          <p:cNvPr id="10" name="Pladsholder til sidefod 9" hidden="1">
            <a:extLst>
              <a:ext uri="{FF2B5EF4-FFF2-40B4-BE49-F238E27FC236}">
                <a16:creationId xmlns:a16="http://schemas.microsoft.com/office/drawing/2014/main" id="{F131996F-390A-E865-6DE1-34B2C89B6DDA}"/>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4677818A-C460-9AD4-4581-79D827C2FA37}"/>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799682481"/>
      </p:ext>
    </p:extLst>
  </p:cSld>
  <p:clrMapOvr>
    <a:masterClrMapping/>
  </p:clrMapOvr>
  <p:extLst>
    <p:ext uri="{DCECCB84-F9BA-43D5-87BE-67443E8EF086}">
      <p15:sldGuideLst xmlns:p15="http://schemas.microsoft.com/office/powerpoint/2012/main"/>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Titel, indhold i boks og indhold">
    <p:bg>
      <p:bgPr>
        <a:solidFill>
          <a:schemeClr val="bg2"/>
        </a:solidFill>
        <a:effectLst/>
      </p:bgPr>
    </p:bg>
    <p:spTree>
      <p:nvGrpSpPr>
        <p:cNvPr id="1" name=""/>
        <p:cNvGrpSpPr/>
        <p:nvPr/>
      </p:nvGrpSpPr>
      <p:grpSpPr>
        <a:xfrm>
          <a:off x="0" y="0"/>
          <a:ext cx="0" cy="0"/>
          <a:chOff x="0" y="0"/>
          <a:chExt cx="0" cy="0"/>
        </a:xfrm>
      </p:grpSpPr>
      <p:sp>
        <p:nvSpPr>
          <p:cNvPr id="21" name="Kombinationstegning: figur 20">
            <a:extLst>
              <a:ext uri="{FF2B5EF4-FFF2-40B4-BE49-F238E27FC236}">
                <a16:creationId xmlns:a16="http://schemas.microsoft.com/office/drawing/2014/main" id="{06DC3118-876E-EDE7-62FA-F78BEA29F6F6}"/>
              </a:ext>
            </a:extLst>
          </p:cNvPr>
          <p:cNvSpPr/>
          <p:nvPr userDrawn="1"/>
        </p:nvSpPr>
        <p:spPr bwMode="auto">
          <a:xfrm flipV="1">
            <a:off x="0"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533387 h 4264024"/>
              <a:gd name="connsiteX9" fmla="*/ 7291401 w 7824788"/>
              <a:gd name="connsiteY9" fmla="*/ 0 h 4264024"/>
              <a:gd name="connsiteX10" fmla="*/ 1276350 w 7824788"/>
              <a:gd name="connsiteY10" fmla="*/ 0 h 4264024"/>
              <a:gd name="connsiteX11" fmla="*/ 533387 w 7824788"/>
              <a:gd name="connsiteY11" fmla="*/ 0 h 4264024"/>
              <a:gd name="connsiteX12" fmla="*/ 0 w 7824788"/>
              <a:gd name="connsiteY12" fmla="*/ 0 h 4264024"/>
              <a:gd name="connsiteX13" fmla="*/ 0 w 7824788"/>
              <a:gd name="connsiteY13" fmla="*/ 533387 h 4264024"/>
              <a:gd name="connsiteX14" fmla="*/ 0 w 7824788"/>
              <a:gd name="connsiteY14" fmla="*/ 1171575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533387"/>
                </a:lnTo>
                <a:cubicBezTo>
                  <a:pt x="7824788" y="238805"/>
                  <a:pt x="7585983" y="0"/>
                  <a:pt x="7291401" y="0"/>
                </a:cubicBezTo>
                <a:lnTo>
                  <a:pt x="1276350" y="0"/>
                </a:lnTo>
                <a:lnTo>
                  <a:pt x="533387" y="0"/>
                </a:lnTo>
                <a:lnTo>
                  <a:pt x="0" y="0"/>
                </a:lnTo>
                <a:lnTo>
                  <a:pt x="0" y="533387"/>
                </a:lnTo>
                <a:lnTo>
                  <a:pt x="0" y="1171575"/>
                </a:ln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endParaRPr lang="da-DK" noProof="0"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8755062"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8755062" y="5949950"/>
            <a:ext cx="2790137"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6A3F7858-A8A7-9247-33F1-49D8C46BCF8F}"/>
              </a:ext>
            </a:extLst>
          </p:cNvPr>
          <p:cNvSpPr>
            <a:spLocks noGrp="1"/>
          </p:cNvSpPr>
          <p:nvPr>
            <p:ph type="dt" sz="half" idx="18"/>
          </p:nvPr>
        </p:nvSpPr>
        <p:spPr/>
        <p:txBody>
          <a:bodyPr/>
          <a:lstStyle/>
          <a:p>
            <a:fld id="{F112B893-6D0C-4087-92C6-D7F6814302ED}" type="datetime2">
              <a:rPr lang="da-DK" smtClean="0"/>
              <a:t>11. september 2024</a:t>
            </a:fld>
            <a:endParaRPr lang="da-DK" dirty="0"/>
          </a:p>
        </p:txBody>
      </p:sp>
      <p:sp>
        <p:nvSpPr>
          <p:cNvPr id="6" name="Pladsholder til sidefod 5" hidden="1">
            <a:extLst>
              <a:ext uri="{FF2B5EF4-FFF2-40B4-BE49-F238E27FC236}">
                <a16:creationId xmlns:a16="http://schemas.microsoft.com/office/drawing/2014/main" id="{8C92AFAF-91DA-4A8C-FBC9-B6A3038C8AE0}"/>
              </a:ext>
            </a:extLst>
          </p:cNvPr>
          <p:cNvSpPr>
            <a:spLocks noGrp="1"/>
          </p:cNvSpPr>
          <p:nvPr>
            <p:ph type="ftr" sz="quarter" idx="19"/>
          </p:nvPr>
        </p:nvSpPr>
        <p:spPr/>
        <p:txBody>
          <a:bodyPr/>
          <a:lstStyle/>
          <a:p>
            <a:endParaRPr lang="da-DK" dirty="0"/>
          </a:p>
        </p:txBody>
      </p:sp>
      <p:sp>
        <p:nvSpPr>
          <p:cNvPr id="7" name="Pladsholder til slidenummer 6" hidden="1">
            <a:extLst>
              <a:ext uri="{FF2B5EF4-FFF2-40B4-BE49-F238E27FC236}">
                <a16:creationId xmlns:a16="http://schemas.microsoft.com/office/drawing/2014/main" id="{12A9BC98-45F3-DDE8-4CF2-D08211A80D67}"/>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882058977"/>
      </p:ext>
    </p:extLst>
  </p:cSld>
  <p:clrMapOvr>
    <a:masterClrMapping/>
  </p:clrMapOvr>
  <p:extLst>
    <p:ext uri="{DCECCB84-F9BA-43D5-87BE-67443E8EF086}">
      <p15:sldGuideLst xmlns:p15="http://schemas.microsoft.com/office/powerpoint/2012/main"/>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itel, indhold og indhold i boks">
    <p:bg>
      <p:bgPr>
        <a:solidFill>
          <a:schemeClr val="bg2"/>
        </a:solidFill>
        <a:effectLst/>
      </p:bgPr>
    </p:bg>
    <p:spTree>
      <p:nvGrpSpPr>
        <p:cNvPr id="1" name=""/>
        <p:cNvGrpSpPr/>
        <p:nvPr/>
      </p:nvGrpSpPr>
      <p:grpSpPr>
        <a:xfrm>
          <a:off x="0" y="0"/>
          <a:ext cx="0" cy="0"/>
          <a:chOff x="0" y="0"/>
          <a:chExt cx="0" cy="0"/>
        </a:xfrm>
      </p:grpSpPr>
      <p:sp>
        <p:nvSpPr>
          <p:cNvPr id="19" name="Kombinationstegning: figur 18">
            <a:extLst>
              <a:ext uri="{FF2B5EF4-FFF2-40B4-BE49-F238E27FC236}">
                <a16:creationId xmlns:a16="http://schemas.microsoft.com/office/drawing/2014/main" id="{7956A760-0F29-E355-088D-58A1FAEDF759}"/>
              </a:ext>
            </a:extLst>
          </p:cNvPr>
          <p:cNvSpPr/>
          <p:nvPr userDrawn="1"/>
        </p:nvSpPr>
        <p:spPr bwMode="auto">
          <a:xfrm flipV="1">
            <a:off x="4367212"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1171575 h 4264024"/>
              <a:gd name="connsiteX9" fmla="*/ 7824788 w 7824788"/>
              <a:gd name="connsiteY9" fmla="*/ 533387 h 4264024"/>
              <a:gd name="connsiteX10" fmla="*/ 7824788 w 7824788"/>
              <a:gd name="connsiteY10" fmla="*/ 0 h 4264024"/>
              <a:gd name="connsiteX11" fmla="*/ 7291401 w 7824788"/>
              <a:gd name="connsiteY11" fmla="*/ 0 h 4264024"/>
              <a:gd name="connsiteX12" fmla="*/ 6548438 w 7824788"/>
              <a:gd name="connsiteY12" fmla="*/ 0 h 4264024"/>
              <a:gd name="connsiteX13" fmla="*/ 533387 w 7824788"/>
              <a:gd name="connsiteY13" fmla="*/ 0 h 4264024"/>
              <a:gd name="connsiteX14" fmla="*/ 0 w 7824788"/>
              <a:gd name="connsiteY14" fmla="*/ 533387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1171575"/>
                </a:lnTo>
                <a:lnTo>
                  <a:pt x="7824788" y="533387"/>
                </a:lnTo>
                <a:lnTo>
                  <a:pt x="7824788" y="0"/>
                </a:lnTo>
                <a:lnTo>
                  <a:pt x="7291401" y="0"/>
                </a:lnTo>
                <a:lnTo>
                  <a:pt x="6548438" y="0"/>
                </a:lnTo>
                <a:lnTo>
                  <a:pt x="533387" y="0"/>
                </a:lnTo>
                <a:cubicBezTo>
                  <a:pt x="238805" y="0"/>
                  <a:pt x="0" y="238805"/>
                  <a:pt x="0" y="533387"/>
                </a:cubicBez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46404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648000"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5295900" y="5949950"/>
            <a:ext cx="62493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7" name="Pladsholder til dato 6" hidden="1">
            <a:extLst>
              <a:ext uri="{FF2B5EF4-FFF2-40B4-BE49-F238E27FC236}">
                <a16:creationId xmlns:a16="http://schemas.microsoft.com/office/drawing/2014/main" id="{5D39DAF0-930E-7136-53A8-BF2EE9B93054}"/>
              </a:ext>
            </a:extLst>
          </p:cNvPr>
          <p:cNvSpPr>
            <a:spLocks noGrp="1"/>
          </p:cNvSpPr>
          <p:nvPr>
            <p:ph type="dt" sz="half" idx="18"/>
          </p:nvPr>
        </p:nvSpPr>
        <p:spPr/>
        <p:txBody>
          <a:bodyPr/>
          <a:lstStyle/>
          <a:p>
            <a:fld id="{6A15EBCE-FE69-4EA0-A7A7-118D151FD02F}" type="datetime2">
              <a:rPr lang="da-DK" smtClean="0"/>
              <a:t>11. september 2024</a:t>
            </a:fld>
            <a:endParaRPr lang="da-DK" dirty="0"/>
          </a:p>
        </p:txBody>
      </p:sp>
      <p:sp>
        <p:nvSpPr>
          <p:cNvPr id="11" name="Pladsholder til sidefod 10" hidden="1">
            <a:extLst>
              <a:ext uri="{FF2B5EF4-FFF2-40B4-BE49-F238E27FC236}">
                <a16:creationId xmlns:a16="http://schemas.microsoft.com/office/drawing/2014/main" id="{889280A1-198A-BBE7-6BBD-9C61B3F85953}"/>
              </a:ext>
            </a:extLst>
          </p:cNvPr>
          <p:cNvSpPr>
            <a:spLocks noGrp="1"/>
          </p:cNvSpPr>
          <p:nvPr>
            <p:ph type="ftr" sz="quarter" idx="19"/>
          </p:nvPr>
        </p:nvSpPr>
        <p:spPr/>
        <p:txBody>
          <a:bodyPr/>
          <a:lstStyle/>
          <a:p>
            <a:endParaRPr lang="da-DK" dirty="0"/>
          </a:p>
        </p:txBody>
      </p:sp>
      <p:sp>
        <p:nvSpPr>
          <p:cNvPr id="12" name="Pladsholder til slidenummer 11" hidden="1">
            <a:extLst>
              <a:ext uri="{FF2B5EF4-FFF2-40B4-BE49-F238E27FC236}">
                <a16:creationId xmlns:a16="http://schemas.microsoft.com/office/drawing/2014/main" id="{03D613F3-97B4-931E-C498-B6B2AD516B5D}"/>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524756292"/>
      </p:ext>
    </p:extLst>
  </p:cSld>
  <p:clrMapOvr>
    <a:masterClrMapping/>
  </p:clrMapOvr>
  <p:extLst>
    <p:ext uri="{DCECCB84-F9BA-43D5-87BE-67443E8EF086}">
      <p15:sldGuideLst xmlns:p15="http://schemas.microsoft.com/office/powerpoint/2012/main"/>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itel, undertitel, indhold i boks og indhold">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3100"/>
          </a:xfrm>
        </p:spPr>
        <p:txBody>
          <a:bodyPr/>
          <a:lstStyle/>
          <a:p>
            <a:r>
              <a:rPr lang="da-DK" dirty="0"/>
              <a:t>Klik for at indsætte overskrift – max. en linje</a:t>
            </a:r>
          </a:p>
        </p:txBody>
      </p:sp>
      <p:sp>
        <p:nvSpPr>
          <p:cNvPr id="5" name="Subtitle 2">
            <a:extLst>
              <a:ext uri="{FF2B5EF4-FFF2-40B4-BE49-F238E27FC236}">
                <a16:creationId xmlns:a16="http://schemas.microsoft.com/office/drawing/2014/main" id="{FC6ABE0D-AB92-E8EA-A825-D3A943832CB4}"/>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6" name="Rectangle: Single Corner Rounded 15">
            <a:extLst>
              <a:ext uri="{FF2B5EF4-FFF2-40B4-BE49-F238E27FC236}">
                <a16:creationId xmlns:a16="http://schemas.microsoft.com/office/drawing/2014/main" id="{321C1839-DBD2-C44C-8687-A005F3C09AEB}"/>
              </a:ext>
            </a:extLst>
          </p:cNvPr>
          <p:cNvSpPr/>
          <p:nvPr userDrawn="1"/>
        </p:nvSpPr>
        <p:spPr bwMode="auto">
          <a:xfrm flipV="1">
            <a:off x="0" y="1685925"/>
            <a:ext cx="7824788" cy="4264024"/>
          </a:xfrm>
          <a:prstGeom prst="round1Rect">
            <a:avLst>
              <a:gd name="adj" fmla="val 13515"/>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7" name="Content Placeholder 2">
            <a:extLst>
              <a:ext uri="{FF2B5EF4-FFF2-40B4-BE49-F238E27FC236}">
                <a16:creationId xmlns:a16="http://schemas.microsoft.com/office/drawing/2014/main" id="{E9B1860C-BFCC-1746-5521-A5B82FB19C72}"/>
              </a:ext>
            </a:extLst>
          </p:cNvPr>
          <p:cNvSpPr>
            <a:spLocks noGrp="1"/>
          </p:cNvSpPr>
          <p:nvPr>
            <p:ph idx="1" hasCustomPrompt="1"/>
          </p:nvPr>
        </p:nvSpPr>
        <p:spPr>
          <a:xfrm>
            <a:off x="6480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11" name="Content Placeholder 2">
            <a:extLst>
              <a:ext uri="{FF2B5EF4-FFF2-40B4-BE49-F238E27FC236}">
                <a16:creationId xmlns:a16="http://schemas.microsoft.com/office/drawing/2014/main" id="{C1ACC670-49B7-4552-69C6-82D25273BD6D}"/>
              </a:ext>
            </a:extLst>
          </p:cNvPr>
          <p:cNvSpPr>
            <a:spLocks noGrp="1"/>
          </p:cNvSpPr>
          <p:nvPr>
            <p:ph idx="14" hasCustomPrompt="1"/>
          </p:nvPr>
        </p:nvSpPr>
        <p:spPr>
          <a:xfrm>
            <a:off x="8755062"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2" name="Text Placeholder note">
            <a:extLst>
              <a:ext uri="{FF2B5EF4-FFF2-40B4-BE49-F238E27FC236}">
                <a16:creationId xmlns:a16="http://schemas.microsoft.com/office/drawing/2014/main" id="{DCD3A48A-06EB-51FE-2186-11C53C5F7503}"/>
              </a:ext>
            </a:extLst>
          </p:cNvPr>
          <p:cNvSpPr>
            <a:spLocks noGrp="1"/>
          </p:cNvSpPr>
          <p:nvPr>
            <p:ph type="body" sz="quarter" idx="17" hasCustomPrompt="1"/>
          </p:nvPr>
        </p:nvSpPr>
        <p:spPr>
          <a:xfrm>
            <a:off x="8755062" y="5949950"/>
            <a:ext cx="2790137"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3" name="Pladsholder til dato 2" hidden="1">
            <a:extLst>
              <a:ext uri="{FF2B5EF4-FFF2-40B4-BE49-F238E27FC236}">
                <a16:creationId xmlns:a16="http://schemas.microsoft.com/office/drawing/2014/main" id="{CC95E95A-476B-9C14-D999-70F27F0BDE4A}"/>
              </a:ext>
            </a:extLst>
          </p:cNvPr>
          <p:cNvSpPr>
            <a:spLocks noGrp="1"/>
          </p:cNvSpPr>
          <p:nvPr>
            <p:ph type="dt" sz="half" idx="18"/>
          </p:nvPr>
        </p:nvSpPr>
        <p:spPr/>
        <p:txBody>
          <a:bodyPr/>
          <a:lstStyle/>
          <a:p>
            <a:fld id="{7F0647A0-B639-4644-B7A6-E2022BFF6B60}" type="datetime2">
              <a:rPr lang="da-DK" smtClean="0"/>
              <a:t>11. september 2024</a:t>
            </a:fld>
            <a:endParaRPr lang="da-DK" dirty="0"/>
          </a:p>
        </p:txBody>
      </p:sp>
      <p:sp>
        <p:nvSpPr>
          <p:cNvPr id="4" name="Pladsholder til sidefod 3" hidden="1">
            <a:extLst>
              <a:ext uri="{FF2B5EF4-FFF2-40B4-BE49-F238E27FC236}">
                <a16:creationId xmlns:a16="http://schemas.microsoft.com/office/drawing/2014/main" id="{6548771E-2E35-0A64-BB60-C5C7B01B8D1B}"/>
              </a:ext>
            </a:extLst>
          </p:cNvPr>
          <p:cNvSpPr>
            <a:spLocks noGrp="1"/>
          </p:cNvSpPr>
          <p:nvPr>
            <p:ph type="ftr" sz="quarter" idx="19"/>
          </p:nvPr>
        </p:nvSpPr>
        <p:spPr/>
        <p:txBody>
          <a:bodyPr/>
          <a:lstStyle/>
          <a:p>
            <a:endParaRPr lang="da-DK" dirty="0"/>
          </a:p>
        </p:txBody>
      </p:sp>
      <p:sp>
        <p:nvSpPr>
          <p:cNvPr id="13" name="Pladsholder til slidenummer 12" hidden="1">
            <a:extLst>
              <a:ext uri="{FF2B5EF4-FFF2-40B4-BE49-F238E27FC236}">
                <a16:creationId xmlns:a16="http://schemas.microsoft.com/office/drawing/2014/main" id="{F1C4F2DF-9876-F898-EC75-3A6FC72010C9}"/>
              </a:ext>
            </a:extLst>
          </p:cNvPr>
          <p:cNvSpPr>
            <a:spLocks noGrp="1"/>
          </p:cNvSpPr>
          <p:nvPr>
            <p:ph type="sldNum" sz="quarter" idx="20"/>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530240254"/>
      </p:ext>
    </p:extLst>
  </p:cSld>
  <p:clrMapOvr>
    <a:masterClrMapping/>
  </p:clrMapOvr>
  <p:extLst>
    <p:ext uri="{DCECCB84-F9BA-43D5-87BE-67443E8EF086}">
      <p15:sldGuideLst xmlns:p15="http://schemas.microsoft.com/office/powerpoint/2012/main"/>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itel, undertitel, indhold og indhold i boks">
    <p:bg>
      <p:bgPr>
        <a:solidFill>
          <a:schemeClr val="bg2"/>
        </a:solidFill>
        <a:effectLst/>
      </p:bgPr>
    </p:bg>
    <p:spTree>
      <p:nvGrpSpPr>
        <p:cNvPr id="1" name=""/>
        <p:cNvGrpSpPr/>
        <p:nvPr/>
      </p:nvGrpSpPr>
      <p:grpSpPr>
        <a:xfrm>
          <a:off x="0" y="0"/>
          <a:ext cx="0" cy="0"/>
          <a:chOff x="0" y="0"/>
          <a:chExt cx="0" cy="0"/>
        </a:xfrm>
      </p:grpSpPr>
      <p:sp>
        <p:nvSpPr>
          <p:cNvPr id="19" name="Kombinationstegning: figur 18">
            <a:extLst>
              <a:ext uri="{FF2B5EF4-FFF2-40B4-BE49-F238E27FC236}">
                <a16:creationId xmlns:a16="http://schemas.microsoft.com/office/drawing/2014/main" id="{7956A760-0F29-E355-088D-58A1FAEDF759}"/>
              </a:ext>
            </a:extLst>
          </p:cNvPr>
          <p:cNvSpPr/>
          <p:nvPr userDrawn="1"/>
        </p:nvSpPr>
        <p:spPr bwMode="auto">
          <a:xfrm flipV="1">
            <a:off x="4367212"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1171575 h 4264024"/>
              <a:gd name="connsiteX9" fmla="*/ 7824788 w 7824788"/>
              <a:gd name="connsiteY9" fmla="*/ 533387 h 4264024"/>
              <a:gd name="connsiteX10" fmla="*/ 7824788 w 7824788"/>
              <a:gd name="connsiteY10" fmla="*/ 0 h 4264024"/>
              <a:gd name="connsiteX11" fmla="*/ 7291401 w 7824788"/>
              <a:gd name="connsiteY11" fmla="*/ 0 h 4264024"/>
              <a:gd name="connsiteX12" fmla="*/ 6548438 w 7824788"/>
              <a:gd name="connsiteY12" fmla="*/ 0 h 4264024"/>
              <a:gd name="connsiteX13" fmla="*/ 533387 w 7824788"/>
              <a:gd name="connsiteY13" fmla="*/ 0 h 4264024"/>
              <a:gd name="connsiteX14" fmla="*/ 0 w 7824788"/>
              <a:gd name="connsiteY14" fmla="*/ 533387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1171575"/>
                </a:lnTo>
                <a:lnTo>
                  <a:pt x="7824788" y="533387"/>
                </a:lnTo>
                <a:lnTo>
                  <a:pt x="7824788" y="0"/>
                </a:lnTo>
                <a:lnTo>
                  <a:pt x="7291401" y="0"/>
                </a:lnTo>
                <a:lnTo>
                  <a:pt x="6548438" y="0"/>
                </a:lnTo>
                <a:lnTo>
                  <a:pt x="533387" y="0"/>
                </a:lnTo>
                <a:cubicBezTo>
                  <a:pt x="238805" y="0"/>
                  <a:pt x="0" y="238805"/>
                  <a:pt x="0" y="533387"/>
                </a:cubicBez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lvl1pPr>
              <a:defRPr/>
            </a:lvl1pPr>
          </a:lstStyle>
          <a:p>
            <a:r>
              <a:rPr lang="da-DK" dirty="0"/>
              <a:t>Klik for at indsætte overskrift – max. en linje</a:t>
            </a:r>
          </a:p>
        </p:txBody>
      </p:sp>
      <p:sp>
        <p:nvSpPr>
          <p:cNvPr id="11" name="Subtitle 2">
            <a:extLst>
              <a:ext uri="{FF2B5EF4-FFF2-40B4-BE49-F238E27FC236}">
                <a16:creationId xmlns:a16="http://schemas.microsoft.com/office/drawing/2014/main" id="{AA9CC7F3-A167-27AF-EA67-E46CB6F5832F}"/>
              </a:ext>
            </a:extLst>
          </p:cNvPr>
          <p:cNvSpPr>
            <a:spLocks noGrp="1"/>
          </p:cNvSpPr>
          <p:nvPr>
            <p:ph type="subTitle" idx="18"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46404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648000"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25269864-9DC1-9A97-CB37-44AB255F33C5}"/>
              </a:ext>
            </a:extLst>
          </p:cNvPr>
          <p:cNvSpPr>
            <a:spLocks noGrp="1"/>
          </p:cNvSpPr>
          <p:nvPr>
            <p:ph type="dt" sz="half" idx="19"/>
          </p:nvPr>
        </p:nvSpPr>
        <p:spPr/>
        <p:txBody>
          <a:bodyPr/>
          <a:lstStyle/>
          <a:p>
            <a:fld id="{21684E64-783B-4067-B225-396786B56D0D}" type="datetime2">
              <a:rPr lang="da-DK" smtClean="0"/>
              <a:t>11. september 2024</a:t>
            </a:fld>
            <a:endParaRPr lang="da-DK" dirty="0"/>
          </a:p>
        </p:txBody>
      </p:sp>
      <p:sp>
        <p:nvSpPr>
          <p:cNvPr id="6" name="Pladsholder til sidefod 5" hidden="1">
            <a:extLst>
              <a:ext uri="{FF2B5EF4-FFF2-40B4-BE49-F238E27FC236}">
                <a16:creationId xmlns:a16="http://schemas.microsoft.com/office/drawing/2014/main" id="{5FE15E82-906C-2363-0821-844E542975F7}"/>
              </a:ext>
            </a:extLst>
          </p:cNvPr>
          <p:cNvSpPr>
            <a:spLocks noGrp="1"/>
          </p:cNvSpPr>
          <p:nvPr>
            <p:ph type="ftr" sz="quarter" idx="20"/>
          </p:nvPr>
        </p:nvSpPr>
        <p:spPr/>
        <p:txBody>
          <a:bodyPr/>
          <a:lstStyle/>
          <a:p>
            <a:endParaRPr lang="da-DK" dirty="0"/>
          </a:p>
        </p:txBody>
      </p:sp>
      <p:sp>
        <p:nvSpPr>
          <p:cNvPr id="7" name="Pladsholder til slidenummer 6" hidden="1">
            <a:extLst>
              <a:ext uri="{FF2B5EF4-FFF2-40B4-BE49-F238E27FC236}">
                <a16:creationId xmlns:a16="http://schemas.microsoft.com/office/drawing/2014/main" id="{E045214C-F52E-C5ED-514E-4BCA1589BEDF}"/>
              </a:ext>
            </a:extLst>
          </p:cNvPr>
          <p:cNvSpPr>
            <a:spLocks noGrp="1"/>
          </p:cNvSpPr>
          <p:nvPr>
            <p:ph type="sldNum" sz="quarter" idx="21"/>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204891994"/>
      </p:ext>
    </p:extLst>
  </p:cSld>
  <p:clrMapOvr>
    <a:masterClrMapping/>
  </p:clrMapOvr>
  <p:extLst>
    <p:ext uri="{DCECCB84-F9BA-43D5-87BE-67443E8EF086}">
      <p15:sldGuideLst xmlns:p15="http://schemas.microsoft.com/office/powerpoint/2012/main"/>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itel, undertitel og to indhold i boks">
    <p:bg>
      <p:bgPr>
        <a:solidFill>
          <a:schemeClr val="bg2"/>
        </a:solidFill>
        <a:effectLst/>
      </p:bgPr>
    </p:bg>
    <p:spTree>
      <p:nvGrpSpPr>
        <p:cNvPr id="1" name=""/>
        <p:cNvGrpSpPr/>
        <p:nvPr/>
      </p:nvGrpSpPr>
      <p:grpSpPr>
        <a:xfrm>
          <a:off x="0" y="0"/>
          <a:ext cx="0" cy="0"/>
          <a:chOff x="0" y="0"/>
          <a:chExt cx="0" cy="0"/>
        </a:xfrm>
      </p:grpSpPr>
      <p:sp>
        <p:nvSpPr>
          <p:cNvPr id="4" name="Rectangle: Single Corner Rounded 15">
            <a:extLst>
              <a:ext uri="{FF2B5EF4-FFF2-40B4-BE49-F238E27FC236}">
                <a16:creationId xmlns:a16="http://schemas.microsoft.com/office/drawing/2014/main" id="{7235954B-8849-8E63-0A81-519032526B3F}"/>
              </a:ext>
            </a:extLst>
          </p:cNvPr>
          <p:cNvSpPr/>
          <p:nvPr userDrawn="1"/>
        </p:nvSpPr>
        <p:spPr>
          <a:xfrm flipV="1">
            <a:off x="0" y="1943999"/>
            <a:ext cx="5965825" cy="4005950"/>
          </a:xfrm>
          <a:prstGeom prst="round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8" name="Kombinationstegning: figur 7">
            <a:extLst>
              <a:ext uri="{FF2B5EF4-FFF2-40B4-BE49-F238E27FC236}">
                <a16:creationId xmlns:a16="http://schemas.microsoft.com/office/drawing/2014/main" id="{27BFBB39-F32F-ADCB-84E2-1282B909A974}"/>
              </a:ext>
            </a:extLst>
          </p:cNvPr>
          <p:cNvSpPr/>
          <p:nvPr userDrawn="1"/>
        </p:nvSpPr>
        <p:spPr bwMode="auto">
          <a:xfrm flipV="1">
            <a:off x="6226176" y="1685926"/>
            <a:ext cx="5316538" cy="4264024"/>
          </a:xfrm>
          <a:custGeom>
            <a:avLst/>
            <a:gdLst>
              <a:gd name="connsiteX0" fmla="*/ 529848 w 5316538"/>
              <a:gd name="connsiteY0" fmla="*/ 4264024 h 4264024"/>
              <a:gd name="connsiteX1" fmla="*/ 4786690 w 5316538"/>
              <a:gd name="connsiteY1" fmla="*/ 4264024 h 4264024"/>
              <a:gd name="connsiteX2" fmla="*/ 5316538 w 5316538"/>
              <a:gd name="connsiteY2" fmla="*/ 3734176 h 4264024"/>
              <a:gd name="connsiteX3" fmla="*/ 5316538 w 5316538"/>
              <a:gd name="connsiteY3" fmla="*/ 529848 h 4264024"/>
              <a:gd name="connsiteX4" fmla="*/ 4786690 w 5316538"/>
              <a:gd name="connsiteY4" fmla="*/ 0 h 4264024"/>
              <a:gd name="connsiteX5" fmla="*/ 1571625 w 5316538"/>
              <a:gd name="connsiteY5" fmla="*/ 0 h 4264024"/>
              <a:gd name="connsiteX6" fmla="*/ 529848 w 5316538"/>
              <a:gd name="connsiteY6" fmla="*/ 0 h 4264024"/>
              <a:gd name="connsiteX7" fmla="*/ 0 w 5316538"/>
              <a:gd name="connsiteY7" fmla="*/ 0 h 4264024"/>
              <a:gd name="connsiteX8" fmla="*/ 0 w 5316538"/>
              <a:gd name="connsiteY8" fmla="*/ 529848 h 4264024"/>
              <a:gd name="connsiteX9" fmla="*/ 0 w 5316538"/>
              <a:gd name="connsiteY9" fmla="*/ 1143000 h 4264024"/>
              <a:gd name="connsiteX10" fmla="*/ 0 w 5316538"/>
              <a:gd name="connsiteY10" fmla="*/ 3734176 h 4264024"/>
              <a:gd name="connsiteX11" fmla="*/ 529848 w 5316538"/>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316538" h="4264024">
                <a:moveTo>
                  <a:pt x="529848" y="4264024"/>
                </a:moveTo>
                <a:lnTo>
                  <a:pt x="4786690" y="4264024"/>
                </a:lnTo>
                <a:cubicBezTo>
                  <a:pt x="5079317" y="4264024"/>
                  <a:pt x="5316538" y="4026803"/>
                  <a:pt x="5316538" y="3734176"/>
                </a:cubicBezTo>
                <a:lnTo>
                  <a:pt x="5316538" y="529848"/>
                </a:lnTo>
                <a:cubicBezTo>
                  <a:pt x="5316538" y="237221"/>
                  <a:pt x="5079317" y="0"/>
                  <a:pt x="4786690" y="0"/>
                </a:cubicBezTo>
                <a:lnTo>
                  <a:pt x="1571625" y="0"/>
                </a:lnTo>
                <a:lnTo>
                  <a:pt x="529848" y="0"/>
                </a:lnTo>
                <a:lnTo>
                  <a:pt x="0" y="0"/>
                </a:lnTo>
                <a:lnTo>
                  <a:pt x="0" y="529848"/>
                </a:lnTo>
                <a:lnTo>
                  <a:pt x="0" y="1143000"/>
                </a:lnTo>
                <a:lnTo>
                  <a:pt x="0" y="3734176"/>
                </a:lnTo>
                <a:cubicBezTo>
                  <a:pt x="0" y="4026803"/>
                  <a:pt x="237221" y="4264024"/>
                  <a:pt x="529848"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9" name="Kombinationstegning: figur 8">
            <a:extLst>
              <a:ext uri="{FF2B5EF4-FFF2-40B4-BE49-F238E27FC236}">
                <a16:creationId xmlns:a16="http://schemas.microsoft.com/office/drawing/2014/main" id="{373C8EEB-9FB4-DB58-D299-02E2DFEF0E8C}"/>
              </a:ext>
            </a:extLst>
          </p:cNvPr>
          <p:cNvSpPr/>
          <p:nvPr userDrawn="1"/>
        </p:nvSpPr>
        <p:spPr bwMode="auto">
          <a:xfrm flipV="1">
            <a:off x="0" y="1685925"/>
            <a:ext cx="5965825" cy="4264024"/>
          </a:xfrm>
          <a:custGeom>
            <a:avLst/>
            <a:gdLst>
              <a:gd name="connsiteX0" fmla="*/ 0 w 5965825"/>
              <a:gd name="connsiteY0" fmla="*/ 4264024 h 4264024"/>
              <a:gd name="connsiteX1" fmla="*/ 537139 w 5965825"/>
              <a:gd name="connsiteY1" fmla="*/ 4264024 h 4264024"/>
              <a:gd name="connsiteX2" fmla="*/ 1571625 w 5965825"/>
              <a:gd name="connsiteY2" fmla="*/ 4264024 h 4264024"/>
              <a:gd name="connsiteX3" fmla="*/ 5428686 w 5965825"/>
              <a:gd name="connsiteY3" fmla="*/ 4264024 h 4264024"/>
              <a:gd name="connsiteX4" fmla="*/ 5965825 w 5965825"/>
              <a:gd name="connsiteY4" fmla="*/ 3726885 h 4264024"/>
              <a:gd name="connsiteX5" fmla="*/ 5965825 w 5965825"/>
              <a:gd name="connsiteY5" fmla="*/ 537139 h 4264024"/>
              <a:gd name="connsiteX6" fmla="*/ 5428686 w 5965825"/>
              <a:gd name="connsiteY6" fmla="*/ 0 h 4264024"/>
              <a:gd name="connsiteX7" fmla="*/ 1571625 w 5965825"/>
              <a:gd name="connsiteY7" fmla="*/ 0 h 4264024"/>
              <a:gd name="connsiteX8" fmla="*/ 537139 w 5965825"/>
              <a:gd name="connsiteY8" fmla="*/ 0 h 4264024"/>
              <a:gd name="connsiteX9" fmla="*/ 0 w 5965825"/>
              <a:gd name="connsiteY9" fmla="*/ 0 h 4264024"/>
              <a:gd name="connsiteX10" fmla="*/ 0 w 5965825"/>
              <a:gd name="connsiteY10" fmla="*/ 537139 h 4264024"/>
              <a:gd name="connsiteX11" fmla="*/ 0 w 5965825"/>
              <a:gd name="connsiteY11" fmla="*/ 1143000 h 4264024"/>
              <a:gd name="connsiteX12" fmla="*/ 0 w 5965825"/>
              <a:gd name="connsiteY12" fmla="*/ 3121024 h 4264024"/>
              <a:gd name="connsiteX13" fmla="*/ 0 w 5965825"/>
              <a:gd name="connsiteY13" fmla="*/ 3726885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65825" h="4264024">
                <a:moveTo>
                  <a:pt x="0" y="4264024"/>
                </a:moveTo>
                <a:lnTo>
                  <a:pt x="537139" y="4264024"/>
                </a:lnTo>
                <a:lnTo>
                  <a:pt x="1571625" y="4264024"/>
                </a:lnTo>
                <a:lnTo>
                  <a:pt x="5428686" y="4264024"/>
                </a:lnTo>
                <a:cubicBezTo>
                  <a:pt x="5725340" y="4264024"/>
                  <a:pt x="5965825" y="4023539"/>
                  <a:pt x="5965825" y="3726885"/>
                </a:cubicBezTo>
                <a:lnTo>
                  <a:pt x="5965825" y="537139"/>
                </a:lnTo>
                <a:cubicBezTo>
                  <a:pt x="5965825" y="240485"/>
                  <a:pt x="5725340" y="0"/>
                  <a:pt x="5428686" y="0"/>
                </a:cubicBezTo>
                <a:lnTo>
                  <a:pt x="1571625" y="0"/>
                </a:lnTo>
                <a:lnTo>
                  <a:pt x="537139" y="0"/>
                </a:lnTo>
                <a:lnTo>
                  <a:pt x="0" y="0"/>
                </a:lnTo>
                <a:lnTo>
                  <a:pt x="0" y="537139"/>
                </a:lnTo>
                <a:lnTo>
                  <a:pt x="0" y="1143000"/>
                </a:lnTo>
                <a:lnTo>
                  <a:pt x="0" y="3121024"/>
                </a:lnTo>
                <a:lnTo>
                  <a:pt x="0" y="3726885"/>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3100"/>
          </a:xfrm>
        </p:spPr>
        <p:txBody>
          <a:bodyPr/>
          <a:lstStyle/>
          <a:p>
            <a:r>
              <a:rPr lang="da-DK" dirty="0"/>
              <a:t>Klik for at indsætte overskrift – max. en linje</a:t>
            </a:r>
          </a:p>
        </p:txBody>
      </p:sp>
      <p:sp>
        <p:nvSpPr>
          <p:cNvPr id="5" name="Subtitle 2">
            <a:extLst>
              <a:ext uri="{FF2B5EF4-FFF2-40B4-BE49-F238E27FC236}">
                <a16:creationId xmlns:a16="http://schemas.microsoft.com/office/drawing/2014/main" id="{FC6ABE0D-AB92-E8EA-A825-D3A943832CB4}"/>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647998" y="1944000"/>
            <a:ext cx="5061600" cy="336232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29" name="Content Placeholder 2">
            <a:extLst>
              <a:ext uri="{FF2B5EF4-FFF2-40B4-BE49-F238E27FC236}">
                <a16:creationId xmlns:a16="http://schemas.microsoft.com/office/drawing/2014/main" id="{51ACAAA7-0466-2321-F95F-97DBA7C58A55}"/>
              </a:ext>
            </a:extLst>
          </p:cNvPr>
          <p:cNvSpPr>
            <a:spLocks noGrp="1"/>
          </p:cNvSpPr>
          <p:nvPr>
            <p:ph idx="14" hasCustomPrompt="1"/>
          </p:nvPr>
        </p:nvSpPr>
        <p:spPr>
          <a:xfrm>
            <a:off x="6487200" y="1944000"/>
            <a:ext cx="4795200" cy="336232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33" name="Text Placeholder note">
            <a:extLst>
              <a:ext uri="{FF2B5EF4-FFF2-40B4-BE49-F238E27FC236}">
                <a16:creationId xmlns:a16="http://schemas.microsoft.com/office/drawing/2014/main" id="{8C8CC7A7-A66D-1EE2-7234-8ED16715918F}"/>
              </a:ext>
            </a:extLst>
          </p:cNvPr>
          <p:cNvSpPr>
            <a:spLocks noGrp="1"/>
          </p:cNvSpPr>
          <p:nvPr>
            <p:ph type="body" sz="quarter" idx="17" hasCustomPrompt="1"/>
          </p:nvPr>
        </p:nvSpPr>
        <p:spPr>
          <a:xfrm>
            <a:off x="6487200" y="5431476"/>
            <a:ext cx="47952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34" name="Text Placeholder note">
            <a:extLst>
              <a:ext uri="{FF2B5EF4-FFF2-40B4-BE49-F238E27FC236}">
                <a16:creationId xmlns:a16="http://schemas.microsoft.com/office/drawing/2014/main" id="{1E1099D8-5E8B-6339-3913-E119E65708AC}"/>
              </a:ext>
            </a:extLst>
          </p:cNvPr>
          <p:cNvSpPr>
            <a:spLocks noGrp="1"/>
          </p:cNvSpPr>
          <p:nvPr>
            <p:ph type="body" sz="quarter" idx="18" hasCustomPrompt="1"/>
          </p:nvPr>
        </p:nvSpPr>
        <p:spPr>
          <a:xfrm>
            <a:off x="648000" y="5431476"/>
            <a:ext cx="5061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6" name="Pladsholder til dato 5" hidden="1">
            <a:extLst>
              <a:ext uri="{FF2B5EF4-FFF2-40B4-BE49-F238E27FC236}">
                <a16:creationId xmlns:a16="http://schemas.microsoft.com/office/drawing/2014/main" id="{F9832486-0750-ED6B-7D23-7F2DCDCC4E4A}"/>
              </a:ext>
            </a:extLst>
          </p:cNvPr>
          <p:cNvSpPr>
            <a:spLocks noGrp="1"/>
          </p:cNvSpPr>
          <p:nvPr>
            <p:ph type="dt" sz="half" idx="19"/>
          </p:nvPr>
        </p:nvSpPr>
        <p:spPr/>
        <p:txBody>
          <a:bodyPr/>
          <a:lstStyle/>
          <a:p>
            <a:fld id="{5EDD3936-4D5A-4791-A55B-9B75553730C6}" type="datetime2">
              <a:rPr lang="da-DK" smtClean="0"/>
              <a:t>11. september 2024</a:t>
            </a:fld>
            <a:endParaRPr lang="da-DK" dirty="0"/>
          </a:p>
        </p:txBody>
      </p:sp>
      <p:sp>
        <p:nvSpPr>
          <p:cNvPr id="7" name="Pladsholder til sidefod 6" hidden="1">
            <a:extLst>
              <a:ext uri="{FF2B5EF4-FFF2-40B4-BE49-F238E27FC236}">
                <a16:creationId xmlns:a16="http://schemas.microsoft.com/office/drawing/2014/main" id="{019C52ED-2B7A-2FC8-C23F-14E5F0AC531D}"/>
              </a:ext>
            </a:extLst>
          </p:cNvPr>
          <p:cNvSpPr>
            <a:spLocks noGrp="1"/>
          </p:cNvSpPr>
          <p:nvPr>
            <p:ph type="ftr" sz="quarter" idx="20"/>
          </p:nvPr>
        </p:nvSpPr>
        <p:spPr/>
        <p:txBody>
          <a:bodyPr/>
          <a:lstStyle/>
          <a:p>
            <a:endParaRPr lang="da-DK" dirty="0"/>
          </a:p>
        </p:txBody>
      </p:sp>
      <p:sp>
        <p:nvSpPr>
          <p:cNvPr id="11" name="Pladsholder til slidenummer 10" hidden="1">
            <a:extLst>
              <a:ext uri="{FF2B5EF4-FFF2-40B4-BE49-F238E27FC236}">
                <a16:creationId xmlns:a16="http://schemas.microsoft.com/office/drawing/2014/main" id="{37E232F7-FD9B-7EB7-684A-0990909DB543}"/>
              </a:ext>
            </a:extLst>
          </p:cNvPr>
          <p:cNvSpPr>
            <a:spLocks noGrp="1"/>
          </p:cNvSpPr>
          <p:nvPr>
            <p:ph type="sldNum" sz="quarter" idx="21"/>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686037207"/>
      </p:ext>
    </p:extLst>
  </p:cSld>
  <p:clrMapOvr>
    <a:masterClrMapping/>
  </p:clrMapOvr>
  <p:extLst>
    <p:ext uri="{DCECCB84-F9BA-43D5-87BE-67443E8EF086}">
      <p15:sldGuideLst xmlns:p15="http://schemas.microsoft.com/office/powerpoint/2012/main"/>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ekst og billede">
    <p:bg>
      <p:bgPr>
        <a:solidFill>
          <a:schemeClr val="bg2"/>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08E7F3D-6988-472F-B578-FE0BAAE4B34C}"/>
              </a:ext>
            </a:extLst>
          </p:cNvPr>
          <p:cNvSpPr>
            <a:spLocks noGrp="1"/>
          </p:cNvSpPr>
          <p:nvPr>
            <p:ph type="dt" sz="half" idx="15"/>
          </p:nvPr>
        </p:nvSpPr>
        <p:spPr>
          <a:xfrm>
            <a:off x="0" y="6858000"/>
            <a:ext cx="0" cy="0"/>
          </a:xfrm>
          <a:prstGeom prst="rect">
            <a:avLst/>
          </a:prstGeom>
        </p:spPr>
        <p:txBody>
          <a:bodyPr/>
          <a:lstStyle>
            <a:lvl1pPr>
              <a:defRPr>
                <a:noFill/>
              </a:defRPr>
            </a:lvl1pPr>
          </a:lstStyle>
          <a:p>
            <a:fld id="{BAF314EE-D22D-4B68-88BC-1C864E6C9CA0}" type="datetime2">
              <a:rPr lang="da-DK" smtClean="0"/>
              <a:pPr/>
              <a:t>11. september 2024</a:t>
            </a:fld>
            <a:endParaRPr lang="da-DK" dirty="0"/>
          </a:p>
        </p:txBody>
      </p:sp>
      <p:sp>
        <p:nvSpPr>
          <p:cNvPr id="5" name="Footer Placeholder 4" hidden="1">
            <a:extLst>
              <a:ext uri="{FF2B5EF4-FFF2-40B4-BE49-F238E27FC236}">
                <a16:creationId xmlns:a16="http://schemas.microsoft.com/office/drawing/2014/main" id="{DF791A6B-7868-4737-804A-79CD9B5E3561}"/>
              </a:ext>
            </a:extLst>
          </p:cNvPr>
          <p:cNvSpPr>
            <a:spLocks noGrp="1"/>
          </p:cNvSpPr>
          <p:nvPr>
            <p:ph type="ftr" sz="quarter" idx="16"/>
          </p:nvPr>
        </p:nvSpPr>
        <p:spPr>
          <a:xfrm>
            <a:off x="0" y="6858000"/>
            <a:ext cx="0" cy="0"/>
          </a:xfrm>
          <a:prstGeom prst="rect">
            <a:avLst/>
          </a:prstGeom>
        </p:spPr>
        <p:txBody>
          <a:bodyPr/>
          <a:lstStyle/>
          <a:p>
            <a:endParaRPr lang="da-DK" dirty="0"/>
          </a:p>
        </p:txBody>
      </p:sp>
      <p:sp>
        <p:nvSpPr>
          <p:cNvPr id="6" name="Slide Number Placeholder 5" hidden="1">
            <a:extLst>
              <a:ext uri="{FF2B5EF4-FFF2-40B4-BE49-F238E27FC236}">
                <a16:creationId xmlns:a16="http://schemas.microsoft.com/office/drawing/2014/main" id="{86E53573-69CA-45BB-8807-CD39F9E1E650}"/>
              </a:ext>
            </a:extLst>
          </p:cNvPr>
          <p:cNvSpPr>
            <a:spLocks noGrp="1"/>
          </p:cNvSpPr>
          <p:nvPr>
            <p:ph type="sldNum" sz="quarter" idx="17"/>
          </p:nvPr>
        </p:nvSpPr>
        <p:spPr>
          <a:xfrm>
            <a:off x="0" y="6858000"/>
            <a:ext cx="0" cy="0"/>
          </a:xfrm>
          <a:prstGeom prst="rect">
            <a:avLst/>
          </a:prstGeom>
        </p:spPr>
        <p:txBody>
          <a:bodyPr/>
          <a:lstStyle/>
          <a:p>
            <a:fld id="{24C8C45C-947F-4981-8B3F-4F32E973C901}" type="slidenum">
              <a:rPr lang="da-DK" smtClean="0"/>
              <a:pPr/>
              <a:t>‹#›</a:t>
            </a:fld>
            <a:endParaRPr lang="da-DK" dirty="0"/>
          </a:p>
        </p:txBody>
      </p:sp>
      <p:sp>
        <p:nvSpPr>
          <p:cNvPr id="25" name="billedepladsholder">
            <a:extLst>
              <a:ext uri="{FF2B5EF4-FFF2-40B4-BE49-F238E27FC236}">
                <a16:creationId xmlns:a16="http://schemas.microsoft.com/office/drawing/2014/main" id="{7CA19038-2793-B869-1B2D-AF849E91B08B}"/>
              </a:ext>
            </a:extLst>
          </p:cNvPr>
          <p:cNvSpPr>
            <a:spLocks noGrp="1"/>
          </p:cNvSpPr>
          <p:nvPr>
            <p:ph type="pic" sz="quarter" idx="14" hasCustomPrompt="1"/>
          </p:nvPr>
        </p:nvSpPr>
        <p:spPr>
          <a:xfrm>
            <a:off x="6224588" y="0"/>
            <a:ext cx="5967412" cy="6858000"/>
          </a:xfrm>
          <a:custGeom>
            <a:avLst/>
            <a:gdLst>
              <a:gd name="connsiteX0" fmla="*/ 536769 w 5967412"/>
              <a:gd name="connsiteY0" fmla="*/ 0 h 6858000"/>
              <a:gd name="connsiteX1" fmla="*/ 4630225 w 5967412"/>
              <a:gd name="connsiteY1" fmla="*/ 0 h 6858000"/>
              <a:gd name="connsiteX2" fmla="*/ 5430643 w 5967412"/>
              <a:gd name="connsiteY2" fmla="*/ 0 h 6858000"/>
              <a:gd name="connsiteX3" fmla="*/ 5967412 w 5967412"/>
              <a:gd name="connsiteY3" fmla="*/ 0 h 6858000"/>
              <a:gd name="connsiteX4" fmla="*/ 5967412 w 5967412"/>
              <a:gd name="connsiteY4" fmla="*/ 536769 h 6858000"/>
              <a:gd name="connsiteX5" fmla="*/ 5967412 w 5967412"/>
              <a:gd name="connsiteY5" fmla="*/ 1543665 h 6858000"/>
              <a:gd name="connsiteX6" fmla="*/ 5967412 w 5967412"/>
              <a:gd name="connsiteY6" fmla="*/ 5314335 h 6858000"/>
              <a:gd name="connsiteX7" fmla="*/ 5967412 w 5967412"/>
              <a:gd name="connsiteY7" fmla="*/ 6321231 h 6858000"/>
              <a:gd name="connsiteX8" fmla="*/ 5967412 w 5967412"/>
              <a:gd name="connsiteY8" fmla="*/ 6858000 h 6858000"/>
              <a:gd name="connsiteX9" fmla="*/ 5430643 w 5967412"/>
              <a:gd name="connsiteY9" fmla="*/ 6858000 h 6858000"/>
              <a:gd name="connsiteX10" fmla="*/ 4630225 w 5967412"/>
              <a:gd name="connsiteY10" fmla="*/ 6858000 h 6858000"/>
              <a:gd name="connsiteX11" fmla="*/ 1337187 w 5967412"/>
              <a:gd name="connsiteY11" fmla="*/ 6858000 h 6858000"/>
              <a:gd name="connsiteX12" fmla="*/ 536769 w 5967412"/>
              <a:gd name="connsiteY12" fmla="*/ 6858000 h 6858000"/>
              <a:gd name="connsiteX13" fmla="*/ 0 w 5967412"/>
              <a:gd name="connsiteY13" fmla="*/ 6858000 h 6858000"/>
              <a:gd name="connsiteX14" fmla="*/ 0 w 5967412"/>
              <a:gd name="connsiteY14" fmla="*/ 6321231 h 6858000"/>
              <a:gd name="connsiteX15" fmla="*/ 0 w 5967412"/>
              <a:gd name="connsiteY15" fmla="*/ 5314335 h 6858000"/>
              <a:gd name="connsiteX16" fmla="*/ 0 w 5967412"/>
              <a:gd name="connsiteY16" fmla="*/ 536769 h 6858000"/>
              <a:gd name="connsiteX17" fmla="*/ 536769 w 5967412"/>
              <a:gd name="connsiteY17"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5967412" h="6858000">
                <a:moveTo>
                  <a:pt x="536769" y="0"/>
                </a:moveTo>
                <a:lnTo>
                  <a:pt x="4630225" y="0"/>
                </a:lnTo>
                <a:lnTo>
                  <a:pt x="5430643" y="0"/>
                </a:lnTo>
                <a:lnTo>
                  <a:pt x="5967412" y="0"/>
                </a:lnTo>
                <a:lnTo>
                  <a:pt x="5967412" y="536769"/>
                </a:lnTo>
                <a:lnTo>
                  <a:pt x="5967412" y="1543665"/>
                </a:lnTo>
                <a:lnTo>
                  <a:pt x="5967412" y="5314335"/>
                </a:lnTo>
                <a:lnTo>
                  <a:pt x="5967412" y="6321231"/>
                </a:lnTo>
                <a:lnTo>
                  <a:pt x="5967412" y="6858000"/>
                </a:lnTo>
                <a:lnTo>
                  <a:pt x="5430643" y="6858000"/>
                </a:lnTo>
                <a:lnTo>
                  <a:pt x="4630225" y="6858000"/>
                </a:lnTo>
                <a:lnTo>
                  <a:pt x="1337187" y="6858000"/>
                </a:lnTo>
                <a:lnTo>
                  <a:pt x="536769" y="6858000"/>
                </a:lnTo>
                <a:lnTo>
                  <a:pt x="0" y="6858000"/>
                </a:lnTo>
                <a:lnTo>
                  <a:pt x="0" y="6321231"/>
                </a:lnTo>
                <a:lnTo>
                  <a:pt x="0" y="5314335"/>
                </a:lnTo>
                <a:lnTo>
                  <a:pt x="0" y="536769"/>
                </a:lnTo>
                <a:cubicBezTo>
                  <a:pt x="0" y="240320"/>
                  <a:pt x="240320" y="0"/>
                  <a:pt x="536769"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8000" y="648000"/>
            <a:ext cx="5317825" cy="532800"/>
          </a:xfrm>
        </p:spPr>
        <p:txBody>
          <a:bodyPr/>
          <a:lstStyle>
            <a:lvl1pPr>
              <a:defRPr/>
            </a:lvl1pPr>
          </a:lstStyle>
          <a:p>
            <a:r>
              <a:rPr lang="da-DK" dirty="0"/>
              <a:t>Klik og indsæt overskrift</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8000" y="1184400"/>
            <a:ext cx="5317825"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11" name="Content Placeholder 2">
            <a:extLst>
              <a:ext uri="{FF2B5EF4-FFF2-40B4-BE49-F238E27FC236}">
                <a16:creationId xmlns:a16="http://schemas.microsoft.com/office/drawing/2014/main" id="{03B4B108-24DD-CD8F-F1E3-5DD98AA90CC7}"/>
              </a:ext>
            </a:extLst>
          </p:cNvPr>
          <p:cNvSpPr>
            <a:spLocks noGrp="1"/>
          </p:cNvSpPr>
          <p:nvPr>
            <p:ph idx="1" hasCustomPrompt="1"/>
          </p:nvPr>
        </p:nvSpPr>
        <p:spPr>
          <a:xfrm>
            <a:off x="648000" y="1944000"/>
            <a:ext cx="5317825" cy="40068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Tree>
    <p:extLst>
      <p:ext uri="{BB962C8B-B14F-4D97-AF65-F5344CB8AC3E}">
        <p14:creationId xmlns:p14="http://schemas.microsoft.com/office/powerpoint/2010/main" val="1706307573"/>
      </p:ext>
    </p:extLst>
  </p:cSld>
  <p:clrMapOvr>
    <a:masterClrMapping/>
  </p:clrMapOvr>
  <p:hf sldNum="0" hdr="0" ftr="0" dt="0"/>
  <p:extLst>
    <p:ext uri="{DCECCB84-F9BA-43D5-87BE-67443E8EF086}">
      <p15:sldGuideLst xmlns:p15="http://schemas.microsoft.com/office/powerpoint/2012/main"/>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Billede og tekst">
    <p:bg>
      <p:bgPr>
        <a:solidFill>
          <a:schemeClr val="bg2"/>
        </a:solidFill>
        <a:effectLst/>
      </p:bgPr>
    </p:bg>
    <p:spTree>
      <p:nvGrpSpPr>
        <p:cNvPr id="1" name=""/>
        <p:cNvGrpSpPr/>
        <p:nvPr/>
      </p:nvGrpSpPr>
      <p:grpSpPr>
        <a:xfrm>
          <a:off x="0" y="0"/>
          <a:ext cx="0" cy="0"/>
          <a:chOff x="0" y="0"/>
          <a:chExt cx="0" cy="0"/>
        </a:xfrm>
      </p:grpSpPr>
      <p:sp>
        <p:nvSpPr>
          <p:cNvPr id="37" name="Pladsholder til billede 36">
            <a:extLst>
              <a:ext uri="{FF2B5EF4-FFF2-40B4-BE49-F238E27FC236}">
                <a16:creationId xmlns:a16="http://schemas.microsoft.com/office/drawing/2014/main" id="{9C188D91-FF1D-2905-6219-3579B19752D7}"/>
              </a:ext>
            </a:extLst>
          </p:cNvPr>
          <p:cNvSpPr>
            <a:spLocks noGrp="1"/>
          </p:cNvSpPr>
          <p:nvPr>
            <p:ph type="pic" sz="quarter" idx="14" hasCustomPrompt="1"/>
          </p:nvPr>
        </p:nvSpPr>
        <p:spPr>
          <a:xfrm>
            <a:off x="388800" y="1943100"/>
            <a:ext cx="5577025" cy="4006850"/>
          </a:xfrm>
          <a:custGeom>
            <a:avLst/>
            <a:gdLst>
              <a:gd name="connsiteX0" fmla="*/ 539162 w 5577025"/>
              <a:gd name="connsiteY0" fmla="*/ 0 h 4006850"/>
              <a:gd name="connsiteX1" fmla="*/ 4721618 w 5577025"/>
              <a:gd name="connsiteY1" fmla="*/ 0 h 4006850"/>
              <a:gd name="connsiteX2" fmla="*/ 5037863 w 5577025"/>
              <a:gd name="connsiteY2" fmla="*/ 0 h 4006850"/>
              <a:gd name="connsiteX3" fmla="*/ 5577025 w 5577025"/>
              <a:gd name="connsiteY3" fmla="*/ 0 h 4006850"/>
              <a:gd name="connsiteX4" fmla="*/ 5577025 w 5577025"/>
              <a:gd name="connsiteY4" fmla="*/ 539162 h 4006850"/>
              <a:gd name="connsiteX5" fmla="*/ 5577025 w 5577025"/>
              <a:gd name="connsiteY5" fmla="*/ 1042220 h 4006850"/>
              <a:gd name="connsiteX6" fmla="*/ 5577025 w 5577025"/>
              <a:gd name="connsiteY6" fmla="*/ 3467688 h 4006850"/>
              <a:gd name="connsiteX7" fmla="*/ 5037863 w 5577025"/>
              <a:gd name="connsiteY7" fmla="*/ 4006850 h 4006850"/>
              <a:gd name="connsiteX8" fmla="*/ 539162 w 5577025"/>
              <a:gd name="connsiteY8" fmla="*/ 4006850 h 4006850"/>
              <a:gd name="connsiteX9" fmla="*/ 0 w 5577025"/>
              <a:gd name="connsiteY9" fmla="*/ 3467688 h 4006850"/>
              <a:gd name="connsiteX10" fmla="*/ 0 w 5577025"/>
              <a:gd name="connsiteY10" fmla="*/ 539162 h 4006850"/>
              <a:gd name="connsiteX11" fmla="*/ 539162 w 5577025"/>
              <a:gd name="connsiteY11" fmla="*/ 0 h 4006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577025" h="4006850">
                <a:moveTo>
                  <a:pt x="539162" y="0"/>
                </a:moveTo>
                <a:lnTo>
                  <a:pt x="4721618" y="0"/>
                </a:lnTo>
                <a:lnTo>
                  <a:pt x="5037863" y="0"/>
                </a:lnTo>
                <a:lnTo>
                  <a:pt x="5577025" y="0"/>
                </a:lnTo>
                <a:lnTo>
                  <a:pt x="5577025" y="539162"/>
                </a:lnTo>
                <a:lnTo>
                  <a:pt x="5577025" y="1042220"/>
                </a:lnTo>
                <a:lnTo>
                  <a:pt x="5577025" y="3467688"/>
                </a:lnTo>
                <a:cubicBezTo>
                  <a:pt x="5577025" y="3765459"/>
                  <a:pt x="5335634" y="4006850"/>
                  <a:pt x="5037863" y="4006850"/>
                </a:cubicBezTo>
                <a:lnTo>
                  <a:pt x="539162" y="4006850"/>
                </a:lnTo>
                <a:cubicBezTo>
                  <a:pt x="241391" y="4006850"/>
                  <a:pt x="0" y="3765459"/>
                  <a:pt x="0" y="3467688"/>
                </a:cubicBezTo>
                <a:lnTo>
                  <a:pt x="0" y="539162"/>
                </a:lnTo>
                <a:cubicBezTo>
                  <a:pt x="0" y="241391"/>
                  <a:pt x="241391" y="0"/>
                  <a:pt x="539162"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7999" y="648000"/>
            <a:ext cx="10897200" cy="532800"/>
          </a:xfrm>
        </p:spPr>
        <p:txBody>
          <a:bodyPr/>
          <a:lstStyle>
            <a:lvl1pPr>
              <a:defRPr/>
            </a:lvl1pPr>
          </a:lstStyle>
          <a:p>
            <a:r>
              <a:rPr lang="da-DK" dirty="0"/>
              <a:t>Klik for at indsætte overskrift – max. en linje</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7999"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11" name="Content Placeholder 2">
            <a:extLst>
              <a:ext uri="{FF2B5EF4-FFF2-40B4-BE49-F238E27FC236}">
                <a16:creationId xmlns:a16="http://schemas.microsoft.com/office/drawing/2014/main" id="{03B4B108-24DD-CD8F-F1E3-5DD98AA90CC7}"/>
              </a:ext>
            </a:extLst>
          </p:cNvPr>
          <p:cNvSpPr>
            <a:spLocks noGrp="1"/>
          </p:cNvSpPr>
          <p:nvPr>
            <p:ph idx="1" hasCustomPrompt="1"/>
          </p:nvPr>
        </p:nvSpPr>
        <p:spPr>
          <a:xfrm>
            <a:off x="6598800" y="1944000"/>
            <a:ext cx="4273988" cy="400680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2" name="Pladsholder til dato 1" hidden="1">
            <a:extLst>
              <a:ext uri="{FF2B5EF4-FFF2-40B4-BE49-F238E27FC236}">
                <a16:creationId xmlns:a16="http://schemas.microsoft.com/office/drawing/2014/main" id="{3116D7F8-371E-BAC5-AA3C-30B6C9BEC43D}"/>
              </a:ext>
            </a:extLst>
          </p:cNvPr>
          <p:cNvSpPr>
            <a:spLocks noGrp="1"/>
          </p:cNvSpPr>
          <p:nvPr>
            <p:ph type="dt" sz="half" idx="15"/>
          </p:nvPr>
        </p:nvSpPr>
        <p:spPr/>
        <p:txBody>
          <a:bodyPr/>
          <a:lstStyle/>
          <a:p>
            <a:fld id="{69553A9A-4FDE-4AFF-BBDD-2A95AC629A2C}" type="datetime2">
              <a:rPr lang="da-DK" smtClean="0"/>
              <a:t>11. september 2024</a:t>
            </a:fld>
            <a:endParaRPr lang="da-DK" dirty="0"/>
          </a:p>
        </p:txBody>
      </p:sp>
      <p:sp>
        <p:nvSpPr>
          <p:cNvPr id="3" name="Pladsholder til sidefod 2" hidden="1">
            <a:extLst>
              <a:ext uri="{FF2B5EF4-FFF2-40B4-BE49-F238E27FC236}">
                <a16:creationId xmlns:a16="http://schemas.microsoft.com/office/drawing/2014/main" id="{AB28B257-41B5-D8E1-F7B3-C4AB20920F46}"/>
              </a:ext>
            </a:extLst>
          </p:cNvPr>
          <p:cNvSpPr>
            <a:spLocks noGrp="1"/>
          </p:cNvSpPr>
          <p:nvPr>
            <p:ph type="ftr" sz="quarter" idx="16"/>
          </p:nvPr>
        </p:nvSpPr>
        <p:spPr/>
        <p:txBody>
          <a:bodyPr/>
          <a:lstStyle/>
          <a:p>
            <a:endParaRPr lang="da-DK" dirty="0"/>
          </a:p>
        </p:txBody>
      </p:sp>
      <p:sp>
        <p:nvSpPr>
          <p:cNvPr id="7" name="Pladsholder til slidenummer 6" hidden="1">
            <a:extLst>
              <a:ext uri="{FF2B5EF4-FFF2-40B4-BE49-F238E27FC236}">
                <a16:creationId xmlns:a16="http://schemas.microsoft.com/office/drawing/2014/main" id="{3DBC7F08-6300-292B-BD7A-762726465430}"/>
              </a:ext>
            </a:extLst>
          </p:cNvPr>
          <p:cNvSpPr>
            <a:spLocks noGrp="1"/>
          </p:cNvSpPr>
          <p:nvPr>
            <p:ph type="sldNum" sz="quarter" idx="17"/>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696470103"/>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Forside billede uden navn B">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4022E5A2-5470-4965-BF6A-D0A7391310E2}" type="datetime2">
              <a:rPr lang="da-DK" smtClean="0"/>
              <a:t>11.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44" name="Kombinationstegning: figur 43">
            <a:extLst>
              <a:ext uri="{FF2B5EF4-FFF2-40B4-BE49-F238E27FC236}">
                <a16:creationId xmlns:a16="http://schemas.microsoft.com/office/drawing/2014/main" id="{4B4AC28A-B22D-EBC3-E04D-2CDF1AD8FD9A}"/>
              </a:ext>
            </a:extLst>
          </p:cNvPr>
          <p:cNvSpPr/>
          <p:nvPr userDrawn="1"/>
        </p:nvSpPr>
        <p:spPr>
          <a:xfrm>
            <a:off x="3685879" y="2917009"/>
            <a:ext cx="2279945" cy="3434805"/>
          </a:xfrm>
          <a:custGeom>
            <a:avLst/>
            <a:gdLst>
              <a:gd name="connsiteX0" fmla="*/ 178451 w 2279945"/>
              <a:gd name="connsiteY0" fmla="*/ 0 h 3434805"/>
              <a:gd name="connsiteX1" fmla="*/ 2101494 w 2279945"/>
              <a:gd name="connsiteY1" fmla="*/ 0 h 3434805"/>
              <a:gd name="connsiteX2" fmla="*/ 2279945 w 2279945"/>
              <a:gd name="connsiteY2" fmla="*/ 178451 h 3434805"/>
              <a:gd name="connsiteX3" fmla="*/ 2279945 w 2279945"/>
              <a:gd name="connsiteY3" fmla="*/ 3256354 h 3434805"/>
              <a:gd name="connsiteX4" fmla="*/ 2101494 w 2279945"/>
              <a:gd name="connsiteY4" fmla="*/ 3434805 h 3434805"/>
              <a:gd name="connsiteX5" fmla="*/ 1009650 w 2279945"/>
              <a:gd name="connsiteY5" fmla="*/ 3434805 h 3434805"/>
              <a:gd name="connsiteX6" fmla="*/ 178451 w 2279945"/>
              <a:gd name="connsiteY6" fmla="*/ 3434805 h 3434805"/>
              <a:gd name="connsiteX7" fmla="*/ 0 w 2279945"/>
              <a:gd name="connsiteY7" fmla="*/ 3434805 h 3434805"/>
              <a:gd name="connsiteX8" fmla="*/ 0 w 2279945"/>
              <a:gd name="connsiteY8" fmla="*/ 3256354 h 3434805"/>
              <a:gd name="connsiteX9" fmla="*/ 0 w 2279945"/>
              <a:gd name="connsiteY9" fmla="*/ 2272755 h 3434805"/>
              <a:gd name="connsiteX10" fmla="*/ 0 w 2279945"/>
              <a:gd name="connsiteY10" fmla="*/ 178451 h 3434805"/>
              <a:gd name="connsiteX11" fmla="*/ 178451 w 2279945"/>
              <a:gd name="connsiteY11" fmla="*/ 0 h 34348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79945" h="3434805">
                <a:moveTo>
                  <a:pt x="178451" y="0"/>
                </a:moveTo>
                <a:lnTo>
                  <a:pt x="2101494" y="0"/>
                </a:lnTo>
                <a:cubicBezTo>
                  <a:pt x="2200050" y="0"/>
                  <a:pt x="2279945" y="79895"/>
                  <a:pt x="2279945" y="178451"/>
                </a:cubicBezTo>
                <a:lnTo>
                  <a:pt x="2279945" y="3256354"/>
                </a:lnTo>
                <a:cubicBezTo>
                  <a:pt x="2279945" y="3354910"/>
                  <a:pt x="2200050" y="3434805"/>
                  <a:pt x="2101494" y="3434805"/>
                </a:cubicBezTo>
                <a:lnTo>
                  <a:pt x="1009650" y="3434805"/>
                </a:lnTo>
                <a:lnTo>
                  <a:pt x="178451" y="3434805"/>
                </a:lnTo>
                <a:lnTo>
                  <a:pt x="0" y="3434805"/>
                </a:lnTo>
                <a:lnTo>
                  <a:pt x="0" y="3256354"/>
                </a:lnTo>
                <a:lnTo>
                  <a:pt x="0" y="2272755"/>
                </a:lnTo>
                <a:lnTo>
                  <a:pt x="0" y="178451"/>
                </a:lnTo>
                <a:cubicBezTo>
                  <a:pt x="0" y="79895"/>
                  <a:pt x="79895" y="0"/>
                  <a:pt x="178451"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3" name="Kombinationstegning: figur 42">
            <a:extLst>
              <a:ext uri="{FF2B5EF4-FFF2-40B4-BE49-F238E27FC236}">
                <a16:creationId xmlns:a16="http://schemas.microsoft.com/office/drawing/2014/main" id="{368D428A-E186-E93F-00D5-2BBAB2E157F5}"/>
              </a:ext>
            </a:extLst>
          </p:cNvPr>
          <p:cNvSpPr/>
          <p:nvPr userDrawn="1"/>
        </p:nvSpPr>
        <p:spPr>
          <a:xfrm>
            <a:off x="1649691" y="2917009"/>
            <a:ext cx="1785660" cy="1145538"/>
          </a:xfrm>
          <a:custGeom>
            <a:avLst/>
            <a:gdLst>
              <a:gd name="connsiteX0" fmla="*/ 183458 w 1785660"/>
              <a:gd name="connsiteY0" fmla="*/ 0 h 1145538"/>
              <a:gd name="connsiteX1" fmla="*/ 776010 w 1785660"/>
              <a:gd name="connsiteY1" fmla="*/ 0 h 1145538"/>
              <a:gd name="connsiteX2" fmla="*/ 1602202 w 1785660"/>
              <a:gd name="connsiteY2" fmla="*/ 0 h 1145538"/>
              <a:gd name="connsiteX3" fmla="*/ 1785660 w 1785660"/>
              <a:gd name="connsiteY3" fmla="*/ 0 h 1145538"/>
              <a:gd name="connsiteX4" fmla="*/ 1785660 w 1785660"/>
              <a:gd name="connsiteY4" fmla="*/ 183458 h 1145538"/>
              <a:gd name="connsiteX5" fmla="*/ 1785660 w 1785660"/>
              <a:gd name="connsiteY5" fmla="*/ 561975 h 1145538"/>
              <a:gd name="connsiteX6" fmla="*/ 1785660 w 1785660"/>
              <a:gd name="connsiteY6" fmla="*/ 962080 h 1145538"/>
              <a:gd name="connsiteX7" fmla="*/ 1602202 w 1785660"/>
              <a:gd name="connsiteY7" fmla="*/ 1145538 h 1145538"/>
              <a:gd name="connsiteX8" fmla="*/ 183458 w 1785660"/>
              <a:gd name="connsiteY8" fmla="*/ 1145538 h 1145538"/>
              <a:gd name="connsiteX9" fmla="*/ 0 w 1785660"/>
              <a:gd name="connsiteY9" fmla="*/ 962080 h 1145538"/>
              <a:gd name="connsiteX10" fmla="*/ 0 w 1785660"/>
              <a:gd name="connsiteY10" fmla="*/ 183458 h 1145538"/>
              <a:gd name="connsiteX11" fmla="*/ 183458 w 1785660"/>
              <a:gd name="connsiteY11" fmla="*/ 0 h 1145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5660" h="1145538">
                <a:moveTo>
                  <a:pt x="183458" y="0"/>
                </a:moveTo>
                <a:lnTo>
                  <a:pt x="776010" y="0"/>
                </a:lnTo>
                <a:lnTo>
                  <a:pt x="1602202" y="0"/>
                </a:lnTo>
                <a:lnTo>
                  <a:pt x="1785660" y="0"/>
                </a:lnTo>
                <a:lnTo>
                  <a:pt x="1785660" y="183458"/>
                </a:lnTo>
                <a:lnTo>
                  <a:pt x="1785660" y="561975"/>
                </a:lnTo>
                <a:lnTo>
                  <a:pt x="1785660" y="962080"/>
                </a:lnTo>
                <a:cubicBezTo>
                  <a:pt x="1785660" y="1063401"/>
                  <a:pt x="1703523" y="1145538"/>
                  <a:pt x="1602202" y="1145538"/>
                </a:cubicBezTo>
                <a:lnTo>
                  <a:pt x="183458" y="1145538"/>
                </a:lnTo>
                <a:cubicBezTo>
                  <a:pt x="82137" y="1145538"/>
                  <a:pt x="0" y="1063401"/>
                  <a:pt x="0" y="962080"/>
                </a:cubicBezTo>
                <a:lnTo>
                  <a:pt x="0" y="183458"/>
                </a:lnTo>
                <a:cubicBezTo>
                  <a:pt x="0" y="82137"/>
                  <a:pt x="82137" y="0"/>
                  <a:pt x="183458"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2" name="Kombinationstegning: figur 41">
            <a:extLst>
              <a:ext uri="{FF2B5EF4-FFF2-40B4-BE49-F238E27FC236}">
                <a16:creationId xmlns:a16="http://schemas.microsoft.com/office/drawing/2014/main" id="{92615C35-0EB4-2246-705E-B3B96273D2A6}"/>
              </a:ext>
            </a:extLst>
          </p:cNvPr>
          <p:cNvSpPr/>
          <p:nvPr userDrawn="1"/>
        </p:nvSpPr>
        <p:spPr>
          <a:xfrm>
            <a:off x="0" y="1"/>
            <a:ext cx="8755063" cy="2658358"/>
          </a:xfrm>
          <a:custGeom>
            <a:avLst/>
            <a:gdLst>
              <a:gd name="connsiteX0" fmla="*/ 0 w 8755063"/>
              <a:gd name="connsiteY0" fmla="*/ 0 h 2658358"/>
              <a:gd name="connsiteX1" fmla="*/ 170480 w 8755063"/>
              <a:gd name="connsiteY1" fmla="*/ 0 h 2658358"/>
              <a:gd name="connsiteX2" fmla="*/ 1009650 w 8755063"/>
              <a:gd name="connsiteY2" fmla="*/ 0 h 2658358"/>
              <a:gd name="connsiteX3" fmla="*/ 7745413 w 8755063"/>
              <a:gd name="connsiteY3" fmla="*/ 0 h 2658358"/>
              <a:gd name="connsiteX4" fmla="*/ 8584583 w 8755063"/>
              <a:gd name="connsiteY4" fmla="*/ 0 h 2658358"/>
              <a:gd name="connsiteX5" fmla="*/ 8755063 w 8755063"/>
              <a:gd name="connsiteY5" fmla="*/ 0 h 2658358"/>
              <a:gd name="connsiteX6" fmla="*/ 8755063 w 8755063"/>
              <a:gd name="connsiteY6" fmla="*/ 170480 h 2658358"/>
              <a:gd name="connsiteX7" fmla="*/ 8755063 w 8755063"/>
              <a:gd name="connsiteY7" fmla="*/ 1162050 h 2658358"/>
              <a:gd name="connsiteX8" fmla="*/ 8755063 w 8755063"/>
              <a:gd name="connsiteY8" fmla="*/ 2487878 h 2658358"/>
              <a:gd name="connsiteX9" fmla="*/ 8584583 w 8755063"/>
              <a:gd name="connsiteY9" fmla="*/ 2658358 h 2658358"/>
              <a:gd name="connsiteX10" fmla="*/ 1009650 w 8755063"/>
              <a:gd name="connsiteY10" fmla="*/ 2658358 h 2658358"/>
              <a:gd name="connsiteX11" fmla="*/ 170480 w 8755063"/>
              <a:gd name="connsiteY11" fmla="*/ 2658358 h 2658358"/>
              <a:gd name="connsiteX12" fmla="*/ 0 w 8755063"/>
              <a:gd name="connsiteY12" fmla="*/ 2658358 h 2658358"/>
              <a:gd name="connsiteX13" fmla="*/ 0 w 8755063"/>
              <a:gd name="connsiteY13" fmla="*/ 2487878 h 2658358"/>
              <a:gd name="connsiteX14" fmla="*/ 0 w 8755063"/>
              <a:gd name="connsiteY14" fmla="*/ 1496308 h 2658358"/>
              <a:gd name="connsiteX15" fmla="*/ 0 w 8755063"/>
              <a:gd name="connsiteY15" fmla="*/ 1162050 h 2658358"/>
              <a:gd name="connsiteX16" fmla="*/ 0 w 8755063"/>
              <a:gd name="connsiteY16" fmla="*/ 17048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19" fmla="*/ 85725 w 8755063"/>
              <a:gd name="connsiteY19" fmla="*/ 238124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0" fmla="*/ 0 w 8755063"/>
              <a:gd name="connsiteY0" fmla="*/ 0 h 2658358"/>
              <a:gd name="connsiteX1" fmla="*/ 170480 w 8755063"/>
              <a:gd name="connsiteY1" fmla="*/ 0 h 2658358"/>
              <a:gd name="connsiteX2" fmla="*/ 1009650 w 8755063"/>
              <a:gd name="connsiteY2" fmla="*/ 0 h 2658358"/>
              <a:gd name="connsiteX3" fmla="*/ 7745413 w 8755063"/>
              <a:gd name="connsiteY3" fmla="*/ 0 h 2658358"/>
              <a:gd name="connsiteX4" fmla="*/ 8584583 w 8755063"/>
              <a:gd name="connsiteY4" fmla="*/ 0 h 2658358"/>
              <a:gd name="connsiteX5" fmla="*/ 8755063 w 8755063"/>
              <a:gd name="connsiteY5" fmla="*/ 0 h 2658358"/>
              <a:gd name="connsiteX6" fmla="*/ 8755063 w 8755063"/>
              <a:gd name="connsiteY6" fmla="*/ 170480 h 2658358"/>
              <a:gd name="connsiteX7" fmla="*/ 8755063 w 8755063"/>
              <a:gd name="connsiteY7" fmla="*/ 1162050 h 2658358"/>
              <a:gd name="connsiteX8" fmla="*/ 8755063 w 8755063"/>
              <a:gd name="connsiteY8" fmla="*/ 2487878 h 2658358"/>
              <a:gd name="connsiteX9" fmla="*/ 8584583 w 8755063"/>
              <a:gd name="connsiteY9" fmla="*/ 2658358 h 2658358"/>
              <a:gd name="connsiteX10" fmla="*/ 1009650 w 8755063"/>
              <a:gd name="connsiteY10" fmla="*/ 2658358 h 2658358"/>
              <a:gd name="connsiteX11" fmla="*/ 170480 w 8755063"/>
              <a:gd name="connsiteY11" fmla="*/ 2658358 h 2658358"/>
              <a:gd name="connsiteX12" fmla="*/ 0 w 8755063"/>
              <a:gd name="connsiteY12" fmla="*/ 2658358 h 2658358"/>
              <a:gd name="connsiteX0" fmla="*/ 0 w 8755063"/>
              <a:gd name="connsiteY0" fmla="*/ 0 h 2658358"/>
              <a:gd name="connsiteX1" fmla="*/ 170480 w 8755063"/>
              <a:gd name="connsiteY1" fmla="*/ 0 h 2658358"/>
              <a:gd name="connsiteX2" fmla="*/ 7745413 w 8755063"/>
              <a:gd name="connsiteY2" fmla="*/ 0 h 2658358"/>
              <a:gd name="connsiteX3" fmla="*/ 8584583 w 8755063"/>
              <a:gd name="connsiteY3" fmla="*/ 0 h 2658358"/>
              <a:gd name="connsiteX4" fmla="*/ 8755063 w 8755063"/>
              <a:gd name="connsiteY4" fmla="*/ 0 h 2658358"/>
              <a:gd name="connsiteX5" fmla="*/ 8755063 w 8755063"/>
              <a:gd name="connsiteY5" fmla="*/ 170480 h 2658358"/>
              <a:gd name="connsiteX6" fmla="*/ 8755063 w 8755063"/>
              <a:gd name="connsiteY6" fmla="*/ 1162050 h 2658358"/>
              <a:gd name="connsiteX7" fmla="*/ 8755063 w 8755063"/>
              <a:gd name="connsiteY7" fmla="*/ 2487878 h 2658358"/>
              <a:gd name="connsiteX8" fmla="*/ 8584583 w 8755063"/>
              <a:gd name="connsiteY8" fmla="*/ 2658358 h 2658358"/>
              <a:gd name="connsiteX9" fmla="*/ 1009650 w 8755063"/>
              <a:gd name="connsiteY9" fmla="*/ 2658358 h 2658358"/>
              <a:gd name="connsiteX10" fmla="*/ 170480 w 8755063"/>
              <a:gd name="connsiteY10" fmla="*/ 2658358 h 2658358"/>
              <a:gd name="connsiteX11" fmla="*/ 0 w 8755063"/>
              <a:gd name="connsiteY11" fmla="*/ 2658358 h 2658358"/>
              <a:gd name="connsiteX0" fmla="*/ 0 w 8755063"/>
              <a:gd name="connsiteY0" fmla="*/ 0 h 2658358"/>
              <a:gd name="connsiteX1" fmla="*/ 7745413 w 8755063"/>
              <a:gd name="connsiteY1" fmla="*/ 0 h 2658358"/>
              <a:gd name="connsiteX2" fmla="*/ 8584583 w 8755063"/>
              <a:gd name="connsiteY2" fmla="*/ 0 h 2658358"/>
              <a:gd name="connsiteX3" fmla="*/ 8755063 w 8755063"/>
              <a:gd name="connsiteY3" fmla="*/ 0 h 2658358"/>
              <a:gd name="connsiteX4" fmla="*/ 8755063 w 8755063"/>
              <a:gd name="connsiteY4" fmla="*/ 170480 h 2658358"/>
              <a:gd name="connsiteX5" fmla="*/ 8755063 w 8755063"/>
              <a:gd name="connsiteY5" fmla="*/ 1162050 h 2658358"/>
              <a:gd name="connsiteX6" fmla="*/ 8755063 w 8755063"/>
              <a:gd name="connsiteY6" fmla="*/ 2487878 h 2658358"/>
              <a:gd name="connsiteX7" fmla="*/ 8584583 w 8755063"/>
              <a:gd name="connsiteY7" fmla="*/ 2658358 h 2658358"/>
              <a:gd name="connsiteX8" fmla="*/ 1009650 w 8755063"/>
              <a:gd name="connsiteY8" fmla="*/ 2658358 h 2658358"/>
              <a:gd name="connsiteX9" fmla="*/ 170480 w 8755063"/>
              <a:gd name="connsiteY9" fmla="*/ 2658358 h 2658358"/>
              <a:gd name="connsiteX10" fmla="*/ 0 w 8755063"/>
              <a:gd name="connsiteY10" fmla="*/ 2658358 h 2658358"/>
              <a:gd name="connsiteX0" fmla="*/ 7745413 w 8755063"/>
              <a:gd name="connsiteY0" fmla="*/ 0 h 2658358"/>
              <a:gd name="connsiteX1" fmla="*/ 8584583 w 8755063"/>
              <a:gd name="connsiteY1" fmla="*/ 0 h 2658358"/>
              <a:gd name="connsiteX2" fmla="*/ 8755063 w 8755063"/>
              <a:gd name="connsiteY2" fmla="*/ 0 h 2658358"/>
              <a:gd name="connsiteX3" fmla="*/ 8755063 w 8755063"/>
              <a:gd name="connsiteY3" fmla="*/ 170480 h 2658358"/>
              <a:gd name="connsiteX4" fmla="*/ 8755063 w 8755063"/>
              <a:gd name="connsiteY4" fmla="*/ 1162050 h 2658358"/>
              <a:gd name="connsiteX5" fmla="*/ 8755063 w 8755063"/>
              <a:gd name="connsiteY5" fmla="*/ 2487878 h 2658358"/>
              <a:gd name="connsiteX6" fmla="*/ 8584583 w 8755063"/>
              <a:gd name="connsiteY6" fmla="*/ 2658358 h 2658358"/>
              <a:gd name="connsiteX7" fmla="*/ 1009650 w 8755063"/>
              <a:gd name="connsiteY7" fmla="*/ 2658358 h 2658358"/>
              <a:gd name="connsiteX8" fmla="*/ 170480 w 8755063"/>
              <a:gd name="connsiteY8" fmla="*/ 2658358 h 2658358"/>
              <a:gd name="connsiteX9" fmla="*/ 0 w 8755063"/>
              <a:gd name="connsiteY9" fmla="*/ 2658358 h 2658358"/>
              <a:gd name="connsiteX0" fmla="*/ 8584583 w 8755063"/>
              <a:gd name="connsiteY0" fmla="*/ 0 h 2658358"/>
              <a:gd name="connsiteX1" fmla="*/ 8755063 w 8755063"/>
              <a:gd name="connsiteY1" fmla="*/ 0 h 2658358"/>
              <a:gd name="connsiteX2" fmla="*/ 8755063 w 8755063"/>
              <a:gd name="connsiteY2" fmla="*/ 170480 h 2658358"/>
              <a:gd name="connsiteX3" fmla="*/ 8755063 w 8755063"/>
              <a:gd name="connsiteY3" fmla="*/ 1162050 h 2658358"/>
              <a:gd name="connsiteX4" fmla="*/ 8755063 w 8755063"/>
              <a:gd name="connsiteY4" fmla="*/ 2487878 h 2658358"/>
              <a:gd name="connsiteX5" fmla="*/ 8584583 w 8755063"/>
              <a:gd name="connsiteY5" fmla="*/ 2658358 h 2658358"/>
              <a:gd name="connsiteX6" fmla="*/ 1009650 w 8755063"/>
              <a:gd name="connsiteY6" fmla="*/ 2658358 h 2658358"/>
              <a:gd name="connsiteX7" fmla="*/ 170480 w 8755063"/>
              <a:gd name="connsiteY7" fmla="*/ 2658358 h 2658358"/>
              <a:gd name="connsiteX8" fmla="*/ 0 w 8755063"/>
              <a:gd name="connsiteY8" fmla="*/ 2658358 h 2658358"/>
              <a:gd name="connsiteX0" fmla="*/ 8755063 w 8755063"/>
              <a:gd name="connsiteY0" fmla="*/ 0 h 2658358"/>
              <a:gd name="connsiteX1" fmla="*/ 8755063 w 8755063"/>
              <a:gd name="connsiteY1" fmla="*/ 170480 h 2658358"/>
              <a:gd name="connsiteX2" fmla="*/ 8755063 w 8755063"/>
              <a:gd name="connsiteY2" fmla="*/ 1162050 h 2658358"/>
              <a:gd name="connsiteX3" fmla="*/ 8755063 w 8755063"/>
              <a:gd name="connsiteY3" fmla="*/ 2487878 h 2658358"/>
              <a:gd name="connsiteX4" fmla="*/ 8584583 w 8755063"/>
              <a:gd name="connsiteY4" fmla="*/ 2658358 h 2658358"/>
              <a:gd name="connsiteX5" fmla="*/ 1009650 w 8755063"/>
              <a:gd name="connsiteY5" fmla="*/ 2658358 h 2658358"/>
              <a:gd name="connsiteX6" fmla="*/ 170480 w 8755063"/>
              <a:gd name="connsiteY6" fmla="*/ 2658358 h 2658358"/>
              <a:gd name="connsiteX7" fmla="*/ 0 w 8755063"/>
              <a:gd name="connsiteY7" fmla="*/ 2658358 h 26583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8755063" h="2658358">
                <a:moveTo>
                  <a:pt x="8755063" y="0"/>
                </a:moveTo>
                <a:lnTo>
                  <a:pt x="8755063" y="170480"/>
                </a:lnTo>
                <a:lnTo>
                  <a:pt x="8755063" y="1162050"/>
                </a:lnTo>
                <a:lnTo>
                  <a:pt x="8755063" y="2487878"/>
                </a:lnTo>
                <a:cubicBezTo>
                  <a:pt x="8755063" y="2582032"/>
                  <a:pt x="8678737" y="2658358"/>
                  <a:pt x="8584583" y="2658358"/>
                </a:cubicBezTo>
                <a:lnTo>
                  <a:pt x="1009650" y="2658358"/>
                </a:lnTo>
                <a:lnTo>
                  <a:pt x="170480" y="2658358"/>
                </a:lnTo>
                <a:lnTo>
                  <a:pt x="0" y="265835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7" name="Kombinationstegning: figur 36">
            <a:extLst>
              <a:ext uri="{FF2B5EF4-FFF2-40B4-BE49-F238E27FC236}">
                <a16:creationId xmlns:a16="http://schemas.microsoft.com/office/drawing/2014/main" id="{CBEC9A72-2B6F-4DB6-32FC-DB444A5AD36D}"/>
              </a:ext>
            </a:extLst>
          </p:cNvPr>
          <p:cNvSpPr/>
          <p:nvPr userDrawn="1"/>
        </p:nvSpPr>
        <p:spPr>
          <a:xfrm>
            <a:off x="6224588" y="2917009"/>
            <a:ext cx="3295270" cy="3824359"/>
          </a:xfrm>
          <a:custGeom>
            <a:avLst/>
            <a:gdLst>
              <a:gd name="connsiteX0" fmla="*/ 0 w 3295270"/>
              <a:gd name="connsiteY0" fmla="*/ 0 h 3824359"/>
              <a:gd name="connsiteX1" fmla="*/ 174386 w 3295270"/>
              <a:gd name="connsiteY1" fmla="*/ 0 h 3824359"/>
              <a:gd name="connsiteX2" fmla="*/ 1009650 w 3295270"/>
              <a:gd name="connsiteY2" fmla="*/ 0 h 3824359"/>
              <a:gd name="connsiteX3" fmla="*/ 3120884 w 3295270"/>
              <a:gd name="connsiteY3" fmla="*/ 0 h 3824359"/>
              <a:gd name="connsiteX4" fmla="*/ 3295270 w 3295270"/>
              <a:gd name="connsiteY4" fmla="*/ 174386 h 3824359"/>
              <a:gd name="connsiteX5" fmla="*/ 3295270 w 3295270"/>
              <a:gd name="connsiteY5" fmla="*/ 3649973 h 3824359"/>
              <a:gd name="connsiteX6" fmla="*/ 3120884 w 3295270"/>
              <a:gd name="connsiteY6" fmla="*/ 3824359 h 3824359"/>
              <a:gd name="connsiteX7" fmla="*/ 174386 w 3295270"/>
              <a:gd name="connsiteY7" fmla="*/ 3824359 h 3824359"/>
              <a:gd name="connsiteX8" fmla="*/ 0 w 3295270"/>
              <a:gd name="connsiteY8" fmla="*/ 3649973 h 3824359"/>
              <a:gd name="connsiteX9" fmla="*/ 0 w 3295270"/>
              <a:gd name="connsiteY9" fmla="*/ 1162050 h 3824359"/>
              <a:gd name="connsiteX10" fmla="*/ 0 w 3295270"/>
              <a:gd name="connsiteY10" fmla="*/ 174386 h 38243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295270" h="3824359">
                <a:moveTo>
                  <a:pt x="0" y="0"/>
                </a:moveTo>
                <a:lnTo>
                  <a:pt x="174386" y="0"/>
                </a:lnTo>
                <a:lnTo>
                  <a:pt x="1009650" y="0"/>
                </a:lnTo>
                <a:lnTo>
                  <a:pt x="3120884" y="0"/>
                </a:lnTo>
                <a:cubicBezTo>
                  <a:pt x="3217195" y="0"/>
                  <a:pt x="3295270" y="78075"/>
                  <a:pt x="3295270" y="174386"/>
                </a:cubicBezTo>
                <a:lnTo>
                  <a:pt x="3295270" y="3649973"/>
                </a:lnTo>
                <a:cubicBezTo>
                  <a:pt x="3295270" y="3746284"/>
                  <a:pt x="3217195" y="3824359"/>
                  <a:pt x="3120884" y="3824359"/>
                </a:cubicBezTo>
                <a:lnTo>
                  <a:pt x="174386" y="3824359"/>
                </a:lnTo>
                <a:cubicBezTo>
                  <a:pt x="78075" y="3824359"/>
                  <a:pt x="0" y="3746284"/>
                  <a:pt x="0" y="3649973"/>
                </a:cubicBezTo>
                <a:lnTo>
                  <a:pt x="0" y="1162050"/>
                </a:lnTo>
                <a:lnTo>
                  <a:pt x="0" y="174386"/>
                </a:ln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6" name="Kombinationstegning: figur 35">
            <a:extLst>
              <a:ext uri="{FF2B5EF4-FFF2-40B4-BE49-F238E27FC236}">
                <a16:creationId xmlns:a16="http://schemas.microsoft.com/office/drawing/2014/main" id="{D60EE587-2189-29D3-95AB-B3CFE0CD4DA4}"/>
              </a:ext>
            </a:extLst>
          </p:cNvPr>
          <p:cNvSpPr/>
          <p:nvPr userDrawn="1"/>
        </p:nvSpPr>
        <p:spPr>
          <a:xfrm>
            <a:off x="9780954" y="2917009"/>
            <a:ext cx="2411045" cy="2412637"/>
          </a:xfrm>
          <a:custGeom>
            <a:avLst/>
            <a:gdLst>
              <a:gd name="connsiteX0" fmla="*/ 0 w 2411045"/>
              <a:gd name="connsiteY0" fmla="*/ 0 h 2412637"/>
              <a:gd name="connsiteX1" fmla="*/ 180322 w 2411045"/>
              <a:gd name="connsiteY1" fmla="*/ 0 h 2412637"/>
              <a:gd name="connsiteX2" fmla="*/ 1009650 w 2411045"/>
              <a:gd name="connsiteY2" fmla="*/ 0 h 2412637"/>
              <a:gd name="connsiteX3" fmla="*/ 1401395 w 2411045"/>
              <a:gd name="connsiteY3" fmla="*/ 0 h 2412637"/>
              <a:gd name="connsiteX4" fmla="*/ 2230723 w 2411045"/>
              <a:gd name="connsiteY4" fmla="*/ 0 h 2412637"/>
              <a:gd name="connsiteX5" fmla="*/ 2411045 w 2411045"/>
              <a:gd name="connsiteY5" fmla="*/ 0 h 2412637"/>
              <a:gd name="connsiteX6" fmla="*/ 2411045 w 2411045"/>
              <a:gd name="connsiteY6" fmla="*/ 180322 h 2412637"/>
              <a:gd name="connsiteX7" fmla="*/ 2411045 w 2411045"/>
              <a:gd name="connsiteY7" fmla="*/ 1162050 h 2412637"/>
              <a:gd name="connsiteX8" fmla="*/ 2411045 w 2411045"/>
              <a:gd name="connsiteY8" fmla="*/ 1250587 h 2412637"/>
              <a:gd name="connsiteX9" fmla="*/ 2411045 w 2411045"/>
              <a:gd name="connsiteY9" fmla="*/ 2232315 h 2412637"/>
              <a:gd name="connsiteX10" fmla="*/ 2411045 w 2411045"/>
              <a:gd name="connsiteY10" fmla="*/ 2412637 h 2412637"/>
              <a:gd name="connsiteX11" fmla="*/ 2230723 w 2411045"/>
              <a:gd name="connsiteY11" fmla="*/ 2412637 h 2412637"/>
              <a:gd name="connsiteX12" fmla="*/ 1401395 w 2411045"/>
              <a:gd name="connsiteY12" fmla="*/ 2412637 h 2412637"/>
              <a:gd name="connsiteX13" fmla="*/ 180322 w 2411045"/>
              <a:gd name="connsiteY13" fmla="*/ 2412637 h 2412637"/>
              <a:gd name="connsiteX14" fmla="*/ 0 w 2411045"/>
              <a:gd name="connsiteY14" fmla="*/ 2232315 h 2412637"/>
              <a:gd name="connsiteX15" fmla="*/ 0 w 2411045"/>
              <a:gd name="connsiteY15" fmla="*/ 1162050 h 2412637"/>
              <a:gd name="connsiteX16" fmla="*/ 0 w 2411045"/>
              <a:gd name="connsiteY16" fmla="*/ 180322 h 2412637"/>
              <a:gd name="connsiteX0" fmla="*/ 2411045 w 2502485"/>
              <a:gd name="connsiteY0" fmla="*/ 180322 h 2412637"/>
              <a:gd name="connsiteX1" fmla="*/ 2411045 w 2502485"/>
              <a:gd name="connsiteY1" fmla="*/ 1162050 h 2412637"/>
              <a:gd name="connsiteX2" fmla="*/ 2411045 w 2502485"/>
              <a:gd name="connsiteY2" fmla="*/ 1250587 h 2412637"/>
              <a:gd name="connsiteX3" fmla="*/ 2411045 w 2502485"/>
              <a:gd name="connsiteY3" fmla="*/ 2232315 h 2412637"/>
              <a:gd name="connsiteX4" fmla="*/ 2411045 w 2502485"/>
              <a:gd name="connsiteY4" fmla="*/ 2412637 h 2412637"/>
              <a:gd name="connsiteX5" fmla="*/ 2230723 w 2502485"/>
              <a:gd name="connsiteY5" fmla="*/ 2412637 h 2412637"/>
              <a:gd name="connsiteX6" fmla="*/ 1401395 w 2502485"/>
              <a:gd name="connsiteY6" fmla="*/ 2412637 h 2412637"/>
              <a:gd name="connsiteX7" fmla="*/ 180322 w 2502485"/>
              <a:gd name="connsiteY7" fmla="*/ 2412637 h 2412637"/>
              <a:gd name="connsiteX8" fmla="*/ 0 w 2502485"/>
              <a:gd name="connsiteY8" fmla="*/ 2232315 h 2412637"/>
              <a:gd name="connsiteX9" fmla="*/ 0 w 2502485"/>
              <a:gd name="connsiteY9" fmla="*/ 1162050 h 2412637"/>
              <a:gd name="connsiteX10" fmla="*/ 0 w 2502485"/>
              <a:gd name="connsiteY10" fmla="*/ 180322 h 2412637"/>
              <a:gd name="connsiteX11" fmla="*/ 0 w 2502485"/>
              <a:gd name="connsiteY11" fmla="*/ 0 h 2412637"/>
              <a:gd name="connsiteX12" fmla="*/ 180322 w 2502485"/>
              <a:gd name="connsiteY12" fmla="*/ 0 h 2412637"/>
              <a:gd name="connsiteX13" fmla="*/ 1009650 w 2502485"/>
              <a:gd name="connsiteY13" fmla="*/ 0 h 2412637"/>
              <a:gd name="connsiteX14" fmla="*/ 1401395 w 2502485"/>
              <a:gd name="connsiteY14" fmla="*/ 0 h 2412637"/>
              <a:gd name="connsiteX15" fmla="*/ 2230723 w 2502485"/>
              <a:gd name="connsiteY15" fmla="*/ 0 h 2412637"/>
              <a:gd name="connsiteX16" fmla="*/ 2411045 w 2502485"/>
              <a:gd name="connsiteY16" fmla="*/ 0 h 2412637"/>
              <a:gd name="connsiteX17" fmla="*/ 2502485 w 2502485"/>
              <a:gd name="connsiteY17" fmla="*/ 271762 h 2412637"/>
              <a:gd name="connsiteX0" fmla="*/ 2411045 w 2411045"/>
              <a:gd name="connsiteY0" fmla="*/ 180322 h 2412637"/>
              <a:gd name="connsiteX1" fmla="*/ 2411045 w 2411045"/>
              <a:gd name="connsiteY1" fmla="*/ 1162050 h 2412637"/>
              <a:gd name="connsiteX2" fmla="*/ 2411045 w 2411045"/>
              <a:gd name="connsiteY2" fmla="*/ 1250587 h 2412637"/>
              <a:gd name="connsiteX3" fmla="*/ 2411045 w 2411045"/>
              <a:gd name="connsiteY3" fmla="*/ 2232315 h 2412637"/>
              <a:gd name="connsiteX4" fmla="*/ 2411045 w 2411045"/>
              <a:gd name="connsiteY4" fmla="*/ 2412637 h 2412637"/>
              <a:gd name="connsiteX5" fmla="*/ 2230723 w 2411045"/>
              <a:gd name="connsiteY5" fmla="*/ 2412637 h 2412637"/>
              <a:gd name="connsiteX6" fmla="*/ 1401395 w 2411045"/>
              <a:gd name="connsiteY6" fmla="*/ 2412637 h 2412637"/>
              <a:gd name="connsiteX7" fmla="*/ 180322 w 2411045"/>
              <a:gd name="connsiteY7" fmla="*/ 2412637 h 2412637"/>
              <a:gd name="connsiteX8" fmla="*/ 0 w 2411045"/>
              <a:gd name="connsiteY8" fmla="*/ 2232315 h 2412637"/>
              <a:gd name="connsiteX9" fmla="*/ 0 w 2411045"/>
              <a:gd name="connsiteY9" fmla="*/ 1162050 h 2412637"/>
              <a:gd name="connsiteX10" fmla="*/ 0 w 2411045"/>
              <a:gd name="connsiteY10" fmla="*/ 180322 h 2412637"/>
              <a:gd name="connsiteX11" fmla="*/ 0 w 2411045"/>
              <a:gd name="connsiteY11" fmla="*/ 0 h 2412637"/>
              <a:gd name="connsiteX12" fmla="*/ 180322 w 2411045"/>
              <a:gd name="connsiteY12" fmla="*/ 0 h 2412637"/>
              <a:gd name="connsiteX13" fmla="*/ 1009650 w 2411045"/>
              <a:gd name="connsiteY13" fmla="*/ 0 h 2412637"/>
              <a:gd name="connsiteX14" fmla="*/ 1401395 w 2411045"/>
              <a:gd name="connsiteY14" fmla="*/ 0 h 2412637"/>
              <a:gd name="connsiteX15" fmla="*/ 2230723 w 2411045"/>
              <a:gd name="connsiteY15" fmla="*/ 0 h 2412637"/>
              <a:gd name="connsiteX16" fmla="*/ 2411045 w 2411045"/>
              <a:gd name="connsiteY16" fmla="*/ 0 h 2412637"/>
              <a:gd name="connsiteX0" fmla="*/ 2411045 w 2411045"/>
              <a:gd name="connsiteY0" fmla="*/ 1162050 h 2412637"/>
              <a:gd name="connsiteX1" fmla="*/ 2411045 w 2411045"/>
              <a:gd name="connsiteY1" fmla="*/ 1250587 h 2412637"/>
              <a:gd name="connsiteX2" fmla="*/ 2411045 w 2411045"/>
              <a:gd name="connsiteY2" fmla="*/ 2232315 h 2412637"/>
              <a:gd name="connsiteX3" fmla="*/ 2411045 w 2411045"/>
              <a:gd name="connsiteY3" fmla="*/ 2412637 h 2412637"/>
              <a:gd name="connsiteX4" fmla="*/ 2230723 w 2411045"/>
              <a:gd name="connsiteY4" fmla="*/ 2412637 h 2412637"/>
              <a:gd name="connsiteX5" fmla="*/ 1401395 w 2411045"/>
              <a:gd name="connsiteY5" fmla="*/ 2412637 h 2412637"/>
              <a:gd name="connsiteX6" fmla="*/ 180322 w 2411045"/>
              <a:gd name="connsiteY6" fmla="*/ 2412637 h 2412637"/>
              <a:gd name="connsiteX7" fmla="*/ 0 w 2411045"/>
              <a:gd name="connsiteY7" fmla="*/ 2232315 h 2412637"/>
              <a:gd name="connsiteX8" fmla="*/ 0 w 2411045"/>
              <a:gd name="connsiteY8" fmla="*/ 1162050 h 2412637"/>
              <a:gd name="connsiteX9" fmla="*/ 0 w 2411045"/>
              <a:gd name="connsiteY9" fmla="*/ 180322 h 2412637"/>
              <a:gd name="connsiteX10" fmla="*/ 0 w 2411045"/>
              <a:gd name="connsiteY10" fmla="*/ 0 h 2412637"/>
              <a:gd name="connsiteX11" fmla="*/ 180322 w 2411045"/>
              <a:gd name="connsiteY11" fmla="*/ 0 h 2412637"/>
              <a:gd name="connsiteX12" fmla="*/ 1009650 w 2411045"/>
              <a:gd name="connsiteY12" fmla="*/ 0 h 2412637"/>
              <a:gd name="connsiteX13" fmla="*/ 1401395 w 2411045"/>
              <a:gd name="connsiteY13" fmla="*/ 0 h 2412637"/>
              <a:gd name="connsiteX14" fmla="*/ 2230723 w 2411045"/>
              <a:gd name="connsiteY14" fmla="*/ 0 h 2412637"/>
              <a:gd name="connsiteX15" fmla="*/ 2411045 w 2411045"/>
              <a:gd name="connsiteY15" fmla="*/ 0 h 2412637"/>
              <a:gd name="connsiteX0" fmla="*/ 2411045 w 2411045"/>
              <a:gd name="connsiteY0" fmla="*/ 1250587 h 2412637"/>
              <a:gd name="connsiteX1" fmla="*/ 2411045 w 2411045"/>
              <a:gd name="connsiteY1" fmla="*/ 2232315 h 2412637"/>
              <a:gd name="connsiteX2" fmla="*/ 2411045 w 2411045"/>
              <a:gd name="connsiteY2" fmla="*/ 2412637 h 2412637"/>
              <a:gd name="connsiteX3" fmla="*/ 2230723 w 2411045"/>
              <a:gd name="connsiteY3" fmla="*/ 2412637 h 2412637"/>
              <a:gd name="connsiteX4" fmla="*/ 1401395 w 2411045"/>
              <a:gd name="connsiteY4" fmla="*/ 2412637 h 2412637"/>
              <a:gd name="connsiteX5" fmla="*/ 180322 w 2411045"/>
              <a:gd name="connsiteY5" fmla="*/ 2412637 h 2412637"/>
              <a:gd name="connsiteX6" fmla="*/ 0 w 2411045"/>
              <a:gd name="connsiteY6" fmla="*/ 2232315 h 2412637"/>
              <a:gd name="connsiteX7" fmla="*/ 0 w 2411045"/>
              <a:gd name="connsiteY7" fmla="*/ 1162050 h 2412637"/>
              <a:gd name="connsiteX8" fmla="*/ 0 w 2411045"/>
              <a:gd name="connsiteY8" fmla="*/ 180322 h 2412637"/>
              <a:gd name="connsiteX9" fmla="*/ 0 w 2411045"/>
              <a:gd name="connsiteY9" fmla="*/ 0 h 2412637"/>
              <a:gd name="connsiteX10" fmla="*/ 180322 w 2411045"/>
              <a:gd name="connsiteY10" fmla="*/ 0 h 2412637"/>
              <a:gd name="connsiteX11" fmla="*/ 1009650 w 2411045"/>
              <a:gd name="connsiteY11" fmla="*/ 0 h 2412637"/>
              <a:gd name="connsiteX12" fmla="*/ 1401395 w 2411045"/>
              <a:gd name="connsiteY12" fmla="*/ 0 h 2412637"/>
              <a:gd name="connsiteX13" fmla="*/ 2230723 w 2411045"/>
              <a:gd name="connsiteY13" fmla="*/ 0 h 2412637"/>
              <a:gd name="connsiteX14" fmla="*/ 2411045 w 2411045"/>
              <a:gd name="connsiteY14" fmla="*/ 0 h 2412637"/>
              <a:gd name="connsiteX0" fmla="*/ 2411045 w 2411045"/>
              <a:gd name="connsiteY0" fmla="*/ 2232315 h 2412637"/>
              <a:gd name="connsiteX1" fmla="*/ 2411045 w 2411045"/>
              <a:gd name="connsiteY1" fmla="*/ 2412637 h 2412637"/>
              <a:gd name="connsiteX2" fmla="*/ 2230723 w 2411045"/>
              <a:gd name="connsiteY2" fmla="*/ 2412637 h 2412637"/>
              <a:gd name="connsiteX3" fmla="*/ 1401395 w 2411045"/>
              <a:gd name="connsiteY3" fmla="*/ 2412637 h 2412637"/>
              <a:gd name="connsiteX4" fmla="*/ 180322 w 2411045"/>
              <a:gd name="connsiteY4" fmla="*/ 2412637 h 2412637"/>
              <a:gd name="connsiteX5" fmla="*/ 0 w 2411045"/>
              <a:gd name="connsiteY5" fmla="*/ 2232315 h 2412637"/>
              <a:gd name="connsiteX6" fmla="*/ 0 w 2411045"/>
              <a:gd name="connsiteY6" fmla="*/ 1162050 h 2412637"/>
              <a:gd name="connsiteX7" fmla="*/ 0 w 2411045"/>
              <a:gd name="connsiteY7" fmla="*/ 180322 h 2412637"/>
              <a:gd name="connsiteX8" fmla="*/ 0 w 2411045"/>
              <a:gd name="connsiteY8" fmla="*/ 0 h 2412637"/>
              <a:gd name="connsiteX9" fmla="*/ 180322 w 2411045"/>
              <a:gd name="connsiteY9" fmla="*/ 0 h 2412637"/>
              <a:gd name="connsiteX10" fmla="*/ 1009650 w 2411045"/>
              <a:gd name="connsiteY10" fmla="*/ 0 h 2412637"/>
              <a:gd name="connsiteX11" fmla="*/ 1401395 w 2411045"/>
              <a:gd name="connsiteY11" fmla="*/ 0 h 2412637"/>
              <a:gd name="connsiteX12" fmla="*/ 2230723 w 2411045"/>
              <a:gd name="connsiteY12" fmla="*/ 0 h 2412637"/>
              <a:gd name="connsiteX13" fmla="*/ 2411045 w 2411045"/>
              <a:gd name="connsiteY13" fmla="*/ 0 h 2412637"/>
              <a:gd name="connsiteX0" fmla="*/ 2411045 w 2411045"/>
              <a:gd name="connsiteY0" fmla="*/ 2412637 h 2412637"/>
              <a:gd name="connsiteX1" fmla="*/ 2230723 w 2411045"/>
              <a:gd name="connsiteY1" fmla="*/ 2412637 h 2412637"/>
              <a:gd name="connsiteX2" fmla="*/ 1401395 w 2411045"/>
              <a:gd name="connsiteY2" fmla="*/ 2412637 h 2412637"/>
              <a:gd name="connsiteX3" fmla="*/ 180322 w 2411045"/>
              <a:gd name="connsiteY3" fmla="*/ 2412637 h 2412637"/>
              <a:gd name="connsiteX4" fmla="*/ 0 w 2411045"/>
              <a:gd name="connsiteY4" fmla="*/ 2232315 h 2412637"/>
              <a:gd name="connsiteX5" fmla="*/ 0 w 2411045"/>
              <a:gd name="connsiteY5" fmla="*/ 1162050 h 2412637"/>
              <a:gd name="connsiteX6" fmla="*/ 0 w 2411045"/>
              <a:gd name="connsiteY6" fmla="*/ 180322 h 2412637"/>
              <a:gd name="connsiteX7" fmla="*/ 0 w 2411045"/>
              <a:gd name="connsiteY7" fmla="*/ 0 h 2412637"/>
              <a:gd name="connsiteX8" fmla="*/ 180322 w 2411045"/>
              <a:gd name="connsiteY8" fmla="*/ 0 h 2412637"/>
              <a:gd name="connsiteX9" fmla="*/ 1009650 w 2411045"/>
              <a:gd name="connsiteY9" fmla="*/ 0 h 2412637"/>
              <a:gd name="connsiteX10" fmla="*/ 1401395 w 2411045"/>
              <a:gd name="connsiteY10" fmla="*/ 0 h 2412637"/>
              <a:gd name="connsiteX11" fmla="*/ 2230723 w 2411045"/>
              <a:gd name="connsiteY11" fmla="*/ 0 h 2412637"/>
              <a:gd name="connsiteX12" fmla="*/ 2411045 w 2411045"/>
              <a:gd name="connsiteY12" fmla="*/ 0 h 24126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411045" h="2412637">
                <a:moveTo>
                  <a:pt x="2411045" y="2412637"/>
                </a:moveTo>
                <a:lnTo>
                  <a:pt x="2230723" y="2412637"/>
                </a:lnTo>
                <a:lnTo>
                  <a:pt x="1401395" y="2412637"/>
                </a:lnTo>
                <a:lnTo>
                  <a:pt x="180322" y="2412637"/>
                </a:lnTo>
                <a:cubicBezTo>
                  <a:pt x="80733" y="2412637"/>
                  <a:pt x="0" y="2331904"/>
                  <a:pt x="0" y="2232315"/>
                </a:cubicBezTo>
                <a:lnTo>
                  <a:pt x="0" y="1162050"/>
                </a:lnTo>
                <a:lnTo>
                  <a:pt x="0" y="180322"/>
                </a:lnTo>
                <a:lnTo>
                  <a:pt x="0" y="0"/>
                </a:lnTo>
                <a:lnTo>
                  <a:pt x="180322" y="0"/>
                </a:lnTo>
                <a:lnTo>
                  <a:pt x="1009650" y="0"/>
                </a:lnTo>
                <a:lnTo>
                  <a:pt x="1401395" y="0"/>
                </a:lnTo>
                <a:lnTo>
                  <a:pt x="2230723" y="0"/>
                </a:lnTo>
                <a:lnTo>
                  <a:pt x="241104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864823" cy="1548000"/>
          </a:xfrm>
        </p:spPr>
        <p:txBody>
          <a:bodyPr anchor="t" anchorCtr="0"/>
          <a:lstStyle>
            <a:lvl1pPr algn="l">
              <a:defRPr sz="4800">
                <a:solidFill>
                  <a:schemeClr val="bg1"/>
                </a:solidFill>
              </a:defRPr>
            </a:lvl1pPr>
          </a:lstStyle>
          <a:p>
            <a:r>
              <a:rPr lang="da-DK" dirty="0"/>
              <a:t>Klik for at indsætte overskrift – max. to linjer</a:t>
            </a:r>
          </a:p>
        </p:txBody>
      </p:sp>
      <p:sp>
        <p:nvSpPr>
          <p:cNvPr id="4" name="TextBox 16">
            <a:extLst>
              <a:ext uri="{FF2B5EF4-FFF2-40B4-BE49-F238E27FC236}">
                <a16:creationId xmlns:a16="http://schemas.microsoft.com/office/drawing/2014/main" id="{F0DE24AE-4CF1-6AAE-9434-71C296F5A545}"/>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5" name="Kombinationstegning: figur 4">
            <a:extLst>
              <a:ext uri="{FF2B5EF4-FFF2-40B4-BE49-F238E27FC236}">
                <a16:creationId xmlns:a16="http://schemas.microsoft.com/office/drawing/2014/main" id="{77AD0AB1-B695-8A3F-4BBC-52A16EC0F7C1}"/>
              </a:ext>
            </a:extLst>
          </p:cNvPr>
          <p:cNvSpPr/>
          <p:nvPr userDrawn="1"/>
        </p:nvSpPr>
        <p:spPr>
          <a:xfrm flipV="1">
            <a:off x="9013826" y="209451"/>
            <a:ext cx="3178174" cy="2459734"/>
          </a:xfrm>
          <a:custGeom>
            <a:avLst/>
            <a:gdLst>
              <a:gd name="connsiteX0" fmla="*/ 0 w 3178174"/>
              <a:gd name="connsiteY0" fmla="*/ 0 h 2459734"/>
              <a:gd name="connsiteX1" fmla="*/ 179659 w 3178174"/>
              <a:gd name="connsiteY1" fmla="*/ 0 h 2459734"/>
              <a:gd name="connsiteX2" fmla="*/ 1009650 w 3178174"/>
              <a:gd name="connsiteY2" fmla="*/ 0 h 2459734"/>
              <a:gd name="connsiteX3" fmla="*/ 2168523 w 3178174"/>
              <a:gd name="connsiteY3" fmla="*/ 0 h 2459734"/>
              <a:gd name="connsiteX4" fmla="*/ 2998515 w 3178174"/>
              <a:gd name="connsiteY4" fmla="*/ 0 h 2459734"/>
              <a:gd name="connsiteX5" fmla="*/ 3178173 w 3178174"/>
              <a:gd name="connsiteY5" fmla="*/ 0 h 2459734"/>
              <a:gd name="connsiteX6" fmla="*/ 3178173 w 3178174"/>
              <a:gd name="connsiteY6" fmla="*/ 179654 h 2459734"/>
              <a:gd name="connsiteX7" fmla="*/ 3178174 w 3178174"/>
              <a:gd name="connsiteY7" fmla="*/ 179659 h 2459734"/>
              <a:gd name="connsiteX8" fmla="*/ 3178174 w 3178174"/>
              <a:gd name="connsiteY8" fmla="*/ 1297684 h 2459734"/>
              <a:gd name="connsiteX9" fmla="*/ 3178174 w 3178174"/>
              <a:gd name="connsiteY9" fmla="*/ 2280075 h 2459734"/>
              <a:gd name="connsiteX10" fmla="*/ 3178174 w 3178174"/>
              <a:gd name="connsiteY10" fmla="*/ 2459734 h 2459734"/>
              <a:gd name="connsiteX11" fmla="*/ 2998515 w 3178174"/>
              <a:gd name="connsiteY11" fmla="*/ 2459734 h 2459734"/>
              <a:gd name="connsiteX12" fmla="*/ 2168524 w 3178174"/>
              <a:gd name="connsiteY12" fmla="*/ 2459734 h 2459734"/>
              <a:gd name="connsiteX13" fmla="*/ 179659 w 3178174"/>
              <a:gd name="connsiteY13" fmla="*/ 2459734 h 2459734"/>
              <a:gd name="connsiteX14" fmla="*/ 0 w 3178174"/>
              <a:gd name="connsiteY14" fmla="*/ 2280075 h 2459734"/>
              <a:gd name="connsiteX15" fmla="*/ 0 w 3178174"/>
              <a:gd name="connsiteY15" fmla="*/ 1162050 h 2459734"/>
              <a:gd name="connsiteX16" fmla="*/ 0 w 3178174"/>
              <a:gd name="connsiteY16" fmla="*/ 179659 h 2459734"/>
              <a:gd name="connsiteX0" fmla="*/ 3178174 w 3269614"/>
              <a:gd name="connsiteY0" fmla="*/ 179659 h 2459734"/>
              <a:gd name="connsiteX1" fmla="*/ 3178174 w 3269614"/>
              <a:gd name="connsiteY1" fmla="*/ 1297684 h 2459734"/>
              <a:gd name="connsiteX2" fmla="*/ 3178174 w 3269614"/>
              <a:gd name="connsiteY2" fmla="*/ 2280075 h 2459734"/>
              <a:gd name="connsiteX3" fmla="*/ 3178174 w 3269614"/>
              <a:gd name="connsiteY3" fmla="*/ 2459734 h 2459734"/>
              <a:gd name="connsiteX4" fmla="*/ 2998515 w 3269614"/>
              <a:gd name="connsiteY4" fmla="*/ 2459734 h 2459734"/>
              <a:gd name="connsiteX5" fmla="*/ 2168524 w 3269614"/>
              <a:gd name="connsiteY5" fmla="*/ 2459734 h 2459734"/>
              <a:gd name="connsiteX6" fmla="*/ 179659 w 3269614"/>
              <a:gd name="connsiteY6" fmla="*/ 2459734 h 2459734"/>
              <a:gd name="connsiteX7" fmla="*/ 0 w 3269614"/>
              <a:gd name="connsiteY7" fmla="*/ 2280075 h 2459734"/>
              <a:gd name="connsiteX8" fmla="*/ 0 w 3269614"/>
              <a:gd name="connsiteY8" fmla="*/ 1162050 h 2459734"/>
              <a:gd name="connsiteX9" fmla="*/ 0 w 3269614"/>
              <a:gd name="connsiteY9" fmla="*/ 179659 h 2459734"/>
              <a:gd name="connsiteX10" fmla="*/ 0 w 3269614"/>
              <a:gd name="connsiteY10" fmla="*/ 0 h 2459734"/>
              <a:gd name="connsiteX11" fmla="*/ 179659 w 3269614"/>
              <a:gd name="connsiteY11" fmla="*/ 0 h 2459734"/>
              <a:gd name="connsiteX12" fmla="*/ 1009650 w 3269614"/>
              <a:gd name="connsiteY12" fmla="*/ 0 h 2459734"/>
              <a:gd name="connsiteX13" fmla="*/ 2168523 w 3269614"/>
              <a:gd name="connsiteY13" fmla="*/ 0 h 2459734"/>
              <a:gd name="connsiteX14" fmla="*/ 2998515 w 3269614"/>
              <a:gd name="connsiteY14" fmla="*/ 0 h 2459734"/>
              <a:gd name="connsiteX15" fmla="*/ 3178173 w 3269614"/>
              <a:gd name="connsiteY15" fmla="*/ 0 h 2459734"/>
              <a:gd name="connsiteX16" fmla="*/ 3178173 w 3269614"/>
              <a:gd name="connsiteY16" fmla="*/ 179654 h 2459734"/>
              <a:gd name="connsiteX17" fmla="*/ 3269614 w 3269614"/>
              <a:gd name="connsiteY17" fmla="*/ 271099 h 2459734"/>
              <a:gd name="connsiteX0" fmla="*/ 3178174 w 3269614"/>
              <a:gd name="connsiteY0" fmla="*/ 179659 h 2459734"/>
              <a:gd name="connsiteX1" fmla="*/ 3178174 w 3269614"/>
              <a:gd name="connsiteY1" fmla="*/ 1297684 h 2459734"/>
              <a:gd name="connsiteX2" fmla="*/ 3178174 w 3269614"/>
              <a:gd name="connsiteY2" fmla="*/ 2280075 h 2459734"/>
              <a:gd name="connsiteX3" fmla="*/ 3178174 w 3269614"/>
              <a:gd name="connsiteY3" fmla="*/ 2459734 h 2459734"/>
              <a:gd name="connsiteX4" fmla="*/ 2998515 w 3269614"/>
              <a:gd name="connsiteY4" fmla="*/ 2459734 h 2459734"/>
              <a:gd name="connsiteX5" fmla="*/ 2168524 w 3269614"/>
              <a:gd name="connsiteY5" fmla="*/ 2459734 h 2459734"/>
              <a:gd name="connsiteX6" fmla="*/ 179659 w 3269614"/>
              <a:gd name="connsiteY6" fmla="*/ 2459734 h 2459734"/>
              <a:gd name="connsiteX7" fmla="*/ 0 w 3269614"/>
              <a:gd name="connsiteY7" fmla="*/ 2280075 h 2459734"/>
              <a:gd name="connsiteX8" fmla="*/ 0 w 3269614"/>
              <a:gd name="connsiteY8" fmla="*/ 1162050 h 2459734"/>
              <a:gd name="connsiteX9" fmla="*/ 0 w 3269614"/>
              <a:gd name="connsiteY9" fmla="*/ 179659 h 2459734"/>
              <a:gd name="connsiteX10" fmla="*/ 0 w 3269614"/>
              <a:gd name="connsiteY10" fmla="*/ 0 h 2459734"/>
              <a:gd name="connsiteX11" fmla="*/ 179659 w 3269614"/>
              <a:gd name="connsiteY11" fmla="*/ 0 h 2459734"/>
              <a:gd name="connsiteX12" fmla="*/ 1009650 w 3269614"/>
              <a:gd name="connsiteY12" fmla="*/ 0 h 2459734"/>
              <a:gd name="connsiteX13" fmla="*/ 2168523 w 3269614"/>
              <a:gd name="connsiteY13" fmla="*/ 0 h 2459734"/>
              <a:gd name="connsiteX14" fmla="*/ 2998515 w 3269614"/>
              <a:gd name="connsiteY14" fmla="*/ 0 h 2459734"/>
              <a:gd name="connsiteX15" fmla="*/ 3178173 w 3269614"/>
              <a:gd name="connsiteY15" fmla="*/ 0 h 2459734"/>
              <a:gd name="connsiteX16" fmla="*/ 3269614 w 3269614"/>
              <a:gd name="connsiteY16" fmla="*/ 271099 h 2459734"/>
              <a:gd name="connsiteX0" fmla="*/ 3178174 w 3269614"/>
              <a:gd name="connsiteY0" fmla="*/ 1297684 h 2459734"/>
              <a:gd name="connsiteX1" fmla="*/ 3178174 w 3269614"/>
              <a:gd name="connsiteY1" fmla="*/ 2280075 h 2459734"/>
              <a:gd name="connsiteX2" fmla="*/ 3178174 w 3269614"/>
              <a:gd name="connsiteY2" fmla="*/ 2459734 h 2459734"/>
              <a:gd name="connsiteX3" fmla="*/ 2998515 w 3269614"/>
              <a:gd name="connsiteY3" fmla="*/ 2459734 h 2459734"/>
              <a:gd name="connsiteX4" fmla="*/ 2168524 w 3269614"/>
              <a:gd name="connsiteY4" fmla="*/ 2459734 h 2459734"/>
              <a:gd name="connsiteX5" fmla="*/ 179659 w 3269614"/>
              <a:gd name="connsiteY5" fmla="*/ 2459734 h 2459734"/>
              <a:gd name="connsiteX6" fmla="*/ 0 w 3269614"/>
              <a:gd name="connsiteY6" fmla="*/ 2280075 h 2459734"/>
              <a:gd name="connsiteX7" fmla="*/ 0 w 3269614"/>
              <a:gd name="connsiteY7" fmla="*/ 1162050 h 2459734"/>
              <a:gd name="connsiteX8" fmla="*/ 0 w 3269614"/>
              <a:gd name="connsiteY8" fmla="*/ 179659 h 2459734"/>
              <a:gd name="connsiteX9" fmla="*/ 0 w 3269614"/>
              <a:gd name="connsiteY9" fmla="*/ 0 h 2459734"/>
              <a:gd name="connsiteX10" fmla="*/ 179659 w 3269614"/>
              <a:gd name="connsiteY10" fmla="*/ 0 h 2459734"/>
              <a:gd name="connsiteX11" fmla="*/ 1009650 w 3269614"/>
              <a:gd name="connsiteY11" fmla="*/ 0 h 2459734"/>
              <a:gd name="connsiteX12" fmla="*/ 2168523 w 3269614"/>
              <a:gd name="connsiteY12" fmla="*/ 0 h 2459734"/>
              <a:gd name="connsiteX13" fmla="*/ 2998515 w 3269614"/>
              <a:gd name="connsiteY13" fmla="*/ 0 h 2459734"/>
              <a:gd name="connsiteX14" fmla="*/ 3178173 w 3269614"/>
              <a:gd name="connsiteY14" fmla="*/ 0 h 2459734"/>
              <a:gd name="connsiteX15" fmla="*/ 3269614 w 3269614"/>
              <a:gd name="connsiteY15" fmla="*/ 271099 h 2459734"/>
              <a:gd name="connsiteX0" fmla="*/ 3178174 w 3269614"/>
              <a:gd name="connsiteY0" fmla="*/ 2280075 h 2459734"/>
              <a:gd name="connsiteX1" fmla="*/ 3178174 w 3269614"/>
              <a:gd name="connsiteY1" fmla="*/ 2459734 h 2459734"/>
              <a:gd name="connsiteX2" fmla="*/ 2998515 w 3269614"/>
              <a:gd name="connsiteY2" fmla="*/ 2459734 h 2459734"/>
              <a:gd name="connsiteX3" fmla="*/ 2168524 w 3269614"/>
              <a:gd name="connsiteY3" fmla="*/ 2459734 h 2459734"/>
              <a:gd name="connsiteX4" fmla="*/ 179659 w 3269614"/>
              <a:gd name="connsiteY4" fmla="*/ 2459734 h 2459734"/>
              <a:gd name="connsiteX5" fmla="*/ 0 w 3269614"/>
              <a:gd name="connsiteY5" fmla="*/ 2280075 h 2459734"/>
              <a:gd name="connsiteX6" fmla="*/ 0 w 3269614"/>
              <a:gd name="connsiteY6" fmla="*/ 1162050 h 2459734"/>
              <a:gd name="connsiteX7" fmla="*/ 0 w 3269614"/>
              <a:gd name="connsiteY7" fmla="*/ 179659 h 2459734"/>
              <a:gd name="connsiteX8" fmla="*/ 0 w 3269614"/>
              <a:gd name="connsiteY8" fmla="*/ 0 h 2459734"/>
              <a:gd name="connsiteX9" fmla="*/ 179659 w 3269614"/>
              <a:gd name="connsiteY9" fmla="*/ 0 h 2459734"/>
              <a:gd name="connsiteX10" fmla="*/ 1009650 w 3269614"/>
              <a:gd name="connsiteY10" fmla="*/ 0 h 2459734"/>
              <a:gd name="connsiteX11" fmla="*/ 2168523 w 3269614"/>
              <a:gd name="connsiteY11" fmla="*/ 0 h 2459734"/>
              <a:gd name="connsiteX12" fmla="*/ 2998515 w 3269614"/>
              <a:gd name="connsiteY12" fmla="*/ 0 h 2459734"/>
              <a:gd name="connsiteX13" fmla="*/ 3178173 w 3269614"/>
              <a:gd name="connsiteY13" fmla="*/ 0 h 2459734"/>
              <a:gd name="connsiteX14" fmla="*/ 3269614 w 3269614"/>
              <a:gd name="connsiteY14" fmla="*/ 271099 h 2459734"/>
              <a:gd name="connsiteX0" fmla="*/ 3178174 w 3269614"/>
              <a:gd name="connsiteY0" fmla="*/ 2459734 h 2459734"/>
              <a:gd name="connsiteX1" fmla="*/ 2998515 w 3269614"/>
              <a:gd name="connsiteY1" fmla="*/ 2459734 h 2459734"/>
              <a:gd name="connsiteX2" fmla="*/ 2168524 w 3269614"/>
              <a:gd name="connsiteY2" fmla="*/ 2459734 h 2459734"/>
              <a:gd name="connsiteX3" fmla="*/ 179659 w 3269614"/>
              <a:gd name="connsiteY3" fmla="*/ 2459734 h 2459734"/>
              <a:gd name="connsiteX4" fmla="*/ 0 w 3269614"/>
              <a:gd name="connsiteY4" fmla="*/ 2280075 h 2459734"/>
              <a:gd name="connsiteX5" fmla="*/ 0 w 3269614"/>
              <a:gd name="connsiteY5" fmla="*/ 1162050 h 2459734"/>
              <a:gd name="connsiteX6" fmla="*/ 0 w 3269614"/>
              <a:gd name="connsiteY6" fmla="*/ 179659 h 2459734"/>
              <a:gd name="connsiteX7" fmla="*/ 0 w 3269614"/>
              <a:gd name="connsiteY7" fmla="*/ 0 h 2459734"/>
              <a:gd name="connsiteX8" fmla="*/ 179659 w 3269614"/>
              <a:gd name="connsiteY8" fmla="*/ 0 h 2459734"/>
              <a:gd name="connsiteX9" fmla="*/ 1009650 w 3269614"/>
              <a:gd name="connsiteY9" fmla="*/ 0 h 2459734"/>
              <a:gd name="connsiteX10" fmla="*/ 2168523 w 3269614"/>
              <a:gd name="connsiteY10" fmla="*/ 0 h 2459734"/>
              <a:gd name="connsiteX11" fmla="*/ 2998515 w 3269614"/>
              <a:gd name="connsiteY11" fmla="*/ 0 h 2459734"/>
              <a:gd name="connsiteX12" fmla="*/ 3178173 w 3269614"/>
              <a:gd name="connsiteY12" fmla="*/ 0 h 2459734"/>
              <a:gd name="connsiteX13" fmla="*/ 3269614 w 3269614"/>
              <a:gd name="connsiteY13" fmla="*/ 271099 h 2459734"/>
              <a:gd name="connsiteX0" fmla="*/ 3178174 w 3178174"/>
              <a:gd name="connsiteY0" fmla="*/ 2459734 h 2459734"/>
              <a:gd name="connsiteX1" fmla="*/ 2998515 w 3178174"/>
              <a:gd name="connsiteY1" fmla="*/ 2459734 h 2459734"/>
              <a:gd name="connsiteX2" fmla="*/ 2168524 w 3178174"/>
              <a:gd name="connsiteY2" fmla="*/ 2459734 h 2459734"/>
              <a:gd name="connsiteX3" fmla="*/ 179659 w 3178174"/>
              <a:gd name="connsiteY3" fmla="*/ 2459734 h 2459734"/>
              <a:gd name="connsiteX4" fmla="*/ 0 w 3178174"/>
              <a:gd name="connsiteY4" fmla="*/ 2280075 h 2459734"/>
              <a:gd name="connsiteX5" fmla="*/ 0 w 3178174"/>
              <a:gd name="connsiteY5" fmla="*/ 1162050 h 2459734"/>
              <a:gd name="connsiteX6" fmla="*/ 0 w 3178174"/>
              <a:gd name="connsiteY6" fmla="*/ 179659 h 2459734"/>
              <a:gd name="connsiteX7" fmla="*/ 0 w 3178174"/>
              <a:gd name="connsiteY7" fmla="*/ 0 h 2459734"/>
              <a:gd name="connsiteX8" fmla="*/ 179659 w 3178174"/>
              <a:gd name="connsiteY8" fmla="*/ 0 h 2459734"/>
              <a:gd name="connsiteX9" fmla="*/ 1009650 w 3178174"/>
              <a:gd name="connsiteY9" fmla="*/ 0 h 2459734"/>
              <a:gd name="connsiteX10" fmla="*/ 2168523 w 3178174"/>
              <a:gd name="connsiteY10" fmla="*/ 0 h 2459734"/>
              <a:gd name="connsiteX11" fmla="*/ 2998515 w 3178174"/>
              <a:gd name="connsiteY11" fmla="*/ 0 h 2459734"/>
              <a:gd name="connsiteX12" fmla="*/ 3178173 w 3178174"/>
              <a:gd name="connsiteY12" fmla="*/ 0 h 24597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178174" h="2459734">
                <a:moveTo>
                  <a:pt x="3178174" y="2459734"/>
                </a:moveTo>
                <a:lnTo>
                  <a:pt x="2998515" y="2459734"/>
                </a:lnTo>
                <a:lnTo>
                  <a:pt x="2168524" y="2459734"/>
                </a:lnTo>
                <a:lnTo>
                  <a:pt x="179659" y="2459734"/>
                </a:lnTo>
                <a:cubicBezTo>
                  <a:pt x="80436" y="2459734"/>
                  <a:pt x="0" y="2379298"/>
                  <a:pt x="0" y="2280075"/>
                </a:cubicBezTo>
                <a:lnTo>
                  <a:pt x="0" y="1162050"/>
                </a:lnTo>
                <a:lnTo>
                  <a:pt x="0" y="179659"/>
                </a:lnTo>
                <a:lnTo>
                  <a:pt x="0" y="0"/>
                </a:lnTo>
                <a:lnTo>
                  <a:pt x="179659" y="0"/>
                </a:lnTo>
                <a:lnTo>
                  <a:pt x="1009650" y="0"/>
                </a:lnTo>
                <a:lnTo>
                  <a:pt x="2168523" y="0"/>
                </a:lnTo>
                <a:lnTo>
                  <a:pt x="2998515" y="0"/>
                </a:lnTo>
                <a:lnTo>
                  <a:pt x="3178173"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pic>
        <p:nvPicPr>
          <p:cNvPr id="6" name="Dynamic cover logo hvid" descr="{&quot;templafy&quot;:{&quot;id&quot;:&quot;e39e2f3a-f0b2-461c-9f23-a74bd77ce3c1&quot;}}">
            <a:extLst>
              <a:ext uri="{FF2B5EF4-FFF2-40B4-BE49-F238E27FC236}">
                <a16:creationId xmlns:a16="http://schemas.microsoft.com/office/drawing/2014/main" id="{C14E2DF5-00AB-09B8-5182-23A4C1C88F0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4022066392"/>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Citat">
    <p:bg>
      <p:bgPr>
        <a:solidFill>
          <a:schemeClr val="bg2"/>
        </a:solidFill>
        <a:effectLst/>
      </p:bgPr>
    </p:bg>
    <p:spTree>
      <p:nvGrpSpPr>
        <p:cNvPr id="1" name=""/>
        <p:cNvGrpSpPr/>
        <p:nvPr/>
      </p:nvGrpSpPr>
      <p:grpSpPr>
        <a:xfrm>
          <a:off x="0" y="0"/>
          <a:ext cx="0" cy="0"/>
          <a:chOff x="0" y="0"/>
          <a:chExt cx="0" cy="0"/>
        </a:xfrm>
      </p:grpSpPr>
      <p:sp>
        <p:nvSpPr>
          <p:cNvPr id="37" name="Pladsholder til billede 36">
            <a:extLst>
              <a:ext uri="{FF2B5EF4-FFF2-40B4-BE49-F238E27FC236}">
                <a16:creationId xmlns:a16="http://schemas.microsoft.com/office/drawing/2014/main" id="{9C188D91-FF1D-2905-6219-3579B19752D7}"/>
              </a:ext>
            </a:extLst>
          </p:cNvPr>
          <p:cNvSpPr>
            <a:spLocks noGrp="1"/>
          </p:cNvSpPr>
          <p:nvPr>
            <p:ph type="pic" sz="quarter" idx="14" hasCustomPrompt="1"/>
          </p:nvPr>
        </p:nvSpPr>
        <p:spPr>
          <a:xfrm>
            <a:off x="388800" y="1943100"/>
            <a:ext cx="5577025" cy="4006850"/>
          </a:xfrm>
          <a:custGeom>
            <a:avLst/>
            <a:gdLst>
              <a:gd name="connsiteX0" fmla="*/ 539162 w 5577025"/>
              <a:gd name="connsiteY0" fmla="*/ 0 h 4006850"/>
              <a:gd name="connsiteX1" fmla="*/ 4721618 w 5577025"/>
              <a:gd name="connsiteY1" fmla="*/ 0 h 4006850"/>
              <a:gd name="connsiteX2" fmla="*/ 5037863 w 5577025"/>
              <a:gd name="connsiteY2" fmla="*/ 0 h 4006850"/>
              <a:gd name="connsiteX3" fmla="*/ 5577025 w 5577025"/>
              <a:gd name="connsiteY3" fmla="*/ 0 h 4006850"/>
              <a:gd name="connsiteX4" fmla="*/ 5577025 w 5577025"/>
              <a:gd name="connsiteY4" fmla="*/ 539162 h 4006850"/>
              <a:gd name="connsiteX5" fmla="*/ 5577025 w 5577025"/>
              <a:gd name="connsiteY5" fmla="*/ 1042220 h 4006850"/>
              <a:gd name="connsiteX6" fmla="*/ 5577025 w 5577025"/>
              <a:gd name="connsiteY6" fmla="*/ 3467688 h 4006850"/>
              <a:gd name="connsiteX7" fmla="*/ 5037863 w 5577025"/>
              <a:gd name="connsiteY7" fmla="*/ 4006850 h 4006850"/>
              <a:gd name="connsiteX8" fmla="*/ 539162 w 5577025"/>
              <a:gd name="connsiteY8" fmla="*/ 4006850 h 4006850"/>
              <a:gd name="connsiteX9" fmla="*/ 0 w 5577025"/>
              <a:gd name="connsiteY9" fmla="*/ 3467688 h 4006850"/>
              <a:gd name="connsiteX10" fmla="*/ 0 w 5577025"/>
              <a:gd name="connsiteY10" fmla="*/ 539162 h 4006850"/>
              <a:gd name="connsiteX11" fmla="*/ 539162 w 5577025"/>
              <a:gd name="connsiteY11" fmla="*/ 0 h 4006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577025" h="4006850">
                <a:moveTo>
                  <a:pt x="539162" y="0"/>
                </a:moveTo>
                <a:lnTo>
                  <a:pt x="4721618" y="0"/>
                </a:lnTo>
                <a:lnTo>
                  <a:pt x="5037863" y="0"/>
                </a:lnTo>
                <a:lnTo>
                  <a:pt x="5577025" y="0"/>
                </a:lnTo>
                <a:lnTo>
                  <a:pt x="5577025" y="539162"/>
                </a:lnTo>
                <a:lnTo>
                  <a:pt x="5577025" y="1042220"/>
                </a:lnTo>
                <a:lnTo>
                  <a:pt x="5577025" y="3467688"/>
                </a:lnTo>
                <a:cubicBezTo>
                  <a:pt x="5577025" y="3765459"/>
                  <a:pt x="5335634" y="4006850"/>
                  <a:pt x="5037863" y="4006850"/>
                </a:cubicBezTo>
                <a:lnTo>
                  <a:pt x="539162" y="4006850"/>
                </a:lnTo>
                <a:cubicBezTo>
                  <a:pt x="241391" y="4006850"/>
                  <a:pt x="0" y="3765459"/>
                  <a:pt x="0" y="3467688"/>
                </a:cubicBezTo>
                <a:lnTo>
                  <a:pt x="0" y="539162"/>
                </a:lnTo>
                <a:cubicBezTo>
                  <a:pt x="0" y="241391"/>
                  <a:pt x="241391" y="0"/>
                  <a:pt x="539162"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7999" y="648000"/>
            <a:ext cx="10897200" cy="532800"/>
          </a:xfrm>
        </p:spPr>
        <p:txBody>
          <a:bodyPr/>
          <a:lstStyle>
            <a:lvl1pPr>
              <a:defRPr/>
            </a:lvl1pPr>
          </a:lstStyle>
          <a:p>
            <a:r>
              <a:rPr lang="da-DK" dirty="0"/>
              <a:t>Klik for at indsætte overskrift – max. en linje</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7999"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Pladsholder til tekst 2">
            <a:extLst>
              <a:ext uri="{FF2B5EF4-FFF2-40B4-BE49-F238E27FC236}">
                <a16:creationId xmlns:a16="http://schemas.microsoft.com/office/drawing/2014/main" id="{4E8C1449-912A-DDBD-F3F4-19A43447E259}"/>
              </a:ext>
            </a:extLst>
          </p:cNvPr>
          <p:cNvSpPr>
            <a:spLocks noGrp="1"/>
          </p:cNvSpPr>
          <p:nvPr>
            <p:ph type="body" sz="quarter" idx="18" hasCustomPrompt="1"/>
          </p:nvPr>
        </p:nvSpPr>
        <p:spPr>
          <a:xfrm>
            <a:off x="6616700" y="1943100"/>
            <a:ext cx="4256088" cy="4006850"/>
          </a:xfrm>
        </p:spPr>
        <p:txBody>
          <a:bodyPr/>
          <a:lstStyle>
            <a:lvl1pPr marL="0" indent="72000">
              <a:buFont typeface="DI Sans Office" panose="00000500000000000000" charset="0"/>
              <a:buChar char="“"/>
              <a:defRPr/>
            </a:lvl1pPr>
            <a:lvl2pPr marL="0" indent="0">
              <a:spcBef>
                <a:spcPts val="1200"/>
              </a:spcBef>
              <a:spcAft>
                <a:spcPts val="0"/>
              </a:spcAft>
              <a:buFont typeface="Arial" panose="020B0604020202020204" pitchFamily="34" charset="0"/>
              <a:buChar char="​"/>
              <a:defRPr b="1"/>
            </a:lvl2pPr>
            <a:lvl3pPr marL="0" indent="0">
              <a:spcAft>
                <a:spcPts val="600"/>
              </a:spcAft>
              <a:buFont typeface="Arial" panose="020B0604020202020204" pitchFamily="34" charset="0"/>
              <a:buChar char="​"/>
              <a:defRPr b="0"/>
            </a:lvl3pPr>
            <a:lvl4pPr>
              <a:spcAft>
                <a:spcPts val="600"/>
              </a:spcAft>
              <a:defRPr b="0"/>
            </a:lvl4pPr>
            <a:lvl5pPr>
              <a:spcAft>
                <a:spcPts val="600"/>
              </a:spcAft>
              <a:defRPr b="0"/>
            </a:lvl5pPr>
            <a:lvl6pPr marL="0" indent="0">
              <a:lnSpc>
                <a:spcPct val="93000"/>
              </a:lnSpc>
              <a:spcAft>
                <a:spcPts val="600"/>
              </a:spcAft>
              <a:buFont typeface="Arial" panose="020B0604020202020204" pitchFamily="34" charset="0"/>
              <a:buNone/>
              <a:defRPr sz="2000" b="0"/>
            </a:lvl6pPr>
            <a:lvl7pPr marL="0" indent="0">
              <a:lnSpc>
                <a:spcPct val="93000"/>
              </a:lnSpc>
              <a:spcAft>
                <a:spcPts val="600"/>
              </a:spcAft>
              <a:buFont typeface="Arial" panose="020B0604020202020204" pitchFamily="34" charset="0"/>
              <a:buChar char="​"/>
              <a:defRPr sz="2000" b="0"/>
            </a:lvl7pPr>
            <a:lvl8pPr marL="0" indent="0">
              <a:lnSpc>
                <a:spcPct val="93000"/>
              </a:lnSpc>
              <a:spcAft>
                <a:spcPts val="600"/>
              </a:spcAft>
              <a:buFont typeface="Arial" panose="020B0604020202020204" pitchFamily="34" charset="0"/>
              <a:buChar char="​"/>
              <a:defRPr sz="2000" b="0"/>
            </a:lvl8pPr>
            <a:lvl9pPr marL="0" indent="0">
              <a:lnSpc>
                <a:spcPct val="93000"/>
              </a:lnSpc>
              <a:spcAft>
                <a:spcPts val="600"/>
              </a:spcAft>
              <a:buFont typeface="Arial" panose="020B0604020202020204" pitchFamily="34" charset="0"/>
              <a:buChar char="​"/>
              <a:defRPr sz="2000" b="0"/>
            </a:lvl9pPr>
          </a:lstStyle>
          <a:p>
            <a:pPr lvl="0"/>
            <a:r>
              <a:rPr lang="da-DK" dirty="0"/>
              <a:t>Klik for at indsætte citat tekst evt. fremhæv med fed.                                    Klik ENTER derefter TAB for at indsætte: Navn og efternavn                                     Klik ENTER derefter TAB for at indsætte: Titel, virksomhed i korrekt tekst style</a:t>
            </a:r>
          </a:p>
          <a:p>
            <a:pPr lvl="1"/>
            <a:r>
              <a:rPr lang="da-DK" dirty="0"/>
              <a:t>Andet niveau</a:t>
            </a:r>
          </a:p>
          <a:p>
            <a:pPr lvl="2"/>
            <a:r>
              <a:rPr lang="da-DK" dirty="0"/>
              <a:t>Tredje niveau</a:t>
            </a:r>
          </a:p>
          <a:p>
            <a:pPr lvl="3"/>
            <a:r>
              <a:rPr lang="da-DK" dirty="0"/>
              <a:t>Fjerde niveau</a:t>
            </a:r>
          </a:p>
          <a:p>
            <a:pPr lvl="4"/>
            <a:r>
              <a:rPr lang="da-DK" dirty="0"/>
              <a:t>Femte niveau</a:t>
            </a:r>
          </a:p>
          <a:p>
            <a:pPr lvl="5"/>
            <a:endParaRPr lang="da-DK" dirty="0"/>
          </a:p>
        </p:txBody>
      </p:sp>
      <p:sp>
        <p:nvSpPr>
          <p:cNvPr id="13" name="Kombinationstegning: figur 12">
            <a:extLst>
              <a:ext uri="{FF2B5EF4-FFF2-40B4-BE49-F238E27FC236}">
                <a16:creationId xmlns:a16="http://schemas.microsoft.com/office/drawing/2014/main" id="{A8EEF8A6-EC59-B3AF-D544-0215FD9BB2F1}"/>
              </a:ext>
            </a:extLst>
          </p:cNvPr>
          <p:cNvSpPr/>
          <p:nvPr userDrawn="1"/>
        </p:nvSpPr>
        <p:spPr>
          <a:xfrm>
            <a:off x="11028218" y="1575666"/>
            <a:ext cx="514495" cy="507039"/>
          </a:xfrm>
          <a:custGeom>
            <a:avLst/>
            <a:gdLst>
              <a:gd name="connsiteX0" fmla="*/ 179948 w 514495"/>
              <a:gd name="connsiteY0" fmla="*/ 0 h 507039"/>
              <a:gd name="connsiteX1" fmla="*/ 334547 w 514495"/>
              <a:gd name="connsiteY1" fmla="*/ 0 h 507039"/>
              <a:gd name="connsiteX2" fmla="*/ 514495 w 514495"/>
              <a:gd name="connsiteY2" fmla="*/ 179948 h 507039"/>
              <a:gd name="connsiteX3" fmla="*/ 514495 w 514495"/>
              <a:gd name="connsiteY3" fmla="*/ 327091 h 507039"/>
              <a:gd name="connsiteX4" fmla="*/ 334547 w 514495"/>
              <a:gd name="connsiteY4" fmla="*/ 507039 h 507039"/>
              <a:gd name="connsiteX5" fmla="*/ 180110 w 514495"/>
              <a:gd name="connsiteY5" fmla="*/ 507039 h 507039"/>
              <a:gd name="connsiteX6" fmla="*/ 179948 w 514495"/>
              <a:gd name="connsiteY6" fmla="*/ 507039 h 507039"/>
              <a:gd name="connsiteX7" fmla="*/ 0 w 514495"/>
              <a:gd name="connsiteY7" fmla="*/ 507039 h 507039"/>
              <a:gd name="connsiteX8" fmla="*/ 0 w 514495"/>
              <a:gd name="connsiteY8" fmla="*/ 327091 h 507039"/>
              <a:gd name="connsiteX9" fmla="*/ 0 w 514495"/>
              <a:gd name="connsiteY9" fmla="*/ 286906 h 507039"/>
              <a:gd name="connsiteX10" fmla="*/ 0 w 514495"/>
              <a:gd name="connsiteY10" fmla="*/ 179948 h 507039"/>
              <a:gd name="connsiteX11" fmla="*/ 179948 w 514495"/>
              <a:gd name="connsiteY11" fmla="*/ 0 h 507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495" h="507039">
                <a:moveTo>
                  <a:pt x="179948" y="0"/>
                </a:moveTo>
                <a:lnTo>
                  <a:pt x="334547" y="0"/>
                </a:lnTo>
                <a:cubicBezTo>
                  <a:pt x="433930" y="0"/>
                  <a:pt x="514495" y="80565"/>
                  <a:pt x="514495" y="179948"/>
                </a:cubicBezTo>
                <a:lnTo>
                  <a:pt x="514495" y="327091"/>
                </a:lnTo>
                <a:cubicBezTo>
                  <a:pt x="514495" y="426474"/>
                  <a:pt x="433930" y="507039"/>
                  <a:pt x="334547" y="507039"/>
                </a:cubicBezTo>
                <a:lnTo>
                  <a:pt x="180110" y="507039"/>
                </a:lnTo>
                <a:lnTo>
                  <a:pt x="179948" y="507039"/>
                </a:lnTo>
                <a:lnTo>
                  <a:pt x="0" y="507039"/>
                </a:lnTo>
                <a:lnTo>
                  <a:pt x="0" y="327091"/>
                </a:lnTo>
                <a:lnTo>
                  <a:pt x="0" y="286906"/>
                </a:lnTo>
                <a:lnTo>
                  <a:pt x="0" y="179948"/>
                </a:lnTo>
                <a:cubicBezTo>
                  <a:pt x="0" y="80565"/>
                  <a:pt x="80565" y="0"/>
                  <a:pt x="179948" y="0"/>
                </a:cubicBez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Pladsholder til dato 1" hidden="1">
            <a:extLst>
              <a:ext uri="{FF2B5EF4-FFF2-40B4-BE49-F238E27FC236}">
                <a16:creationId xmlns:a16="http://schemas.microsoft.com/office/drawing/2014/main" id="{BFDC3D11-79CB-0C48-FE68-624B121AA41D}"/>
              </a:ext>
            </a:extLst>
          </p:cNvPr>
          <p:cNvSpPr>
            <a:spLocks noGrp="1"/>
          </p:cNvSpPr>
          <p:nvPr>
            <p:ph type="dt" sz="half" idx="19"/>
          </p:nvPr>
        </p:nvSpPr>
        <p:spPr/>
        <p:txBody>
          <a:bodyPr/>
          <a:lstStyle/>
          <a:p>
            <a:fld id="{81ABCEC2-7CAF-45A6-BE9A-22E11AB63D46}" type="datetime2">
              <a:rPr lang="da-DK" smtClean="0"/>
              <a:t>11. september 2024</a:t>
            </a:fld>
            <a:endParaRPr lang="da-DK" dirty="0"/>
          </a:p>
        </p:txBody>
      </p:sp>
      <p:sp>
        <p:nvSpPr>
          <p:cNvPr id="7" name="Pladsholder til sidefod 6" hidden="1">
            <a:extLst>
              <a:ext uri="{FF2B5EF4-FFF2-40B4-BE49-F238E27FC236}">
                <a16:creationId xmlns:a16="http://schemas.microsoft.com/office/drawing/2014/main" id="{575B18B2-C530-84AC-1432-9272BE2CFD10}"/>
              </a:ext>
            </a:extLst>
          </p:cNvPr>
          <p:cNvSpPr>
            <a:spLocks noGrp="1"/>
          </p:cNvSpPr>
          <p:nvPr>
            <p:ph type="ftr" sz="quarter" idx="20"/>
          </p:nvPr>
        </p:nvSpPr>
        <p:spPr/>
        <p:txBody>
          <a:bodyPr/>
          <a:lstStyle/>
          <a:p>
            <a:endParaRPr lang="da-DK" dirty="0"/>
          </a:p>
        </p:txBody>
      </p:sp>
      <p:sp>
        <p:nvSpPr>
          <p:cNvPr id="8" name="Pladsholder til slidenummer 7" hidden="1">
            <a:extLst>
              <a:ext uri="{FF2B5EF4-FFF2-40B4-BE49-F238E27FC236}">
                <a16:creationId xmlns:a16="http://schemas.microsoft.com/office/drawing/2014/main" id="{B53BB447-77CB-50C1-6F19-B59DC751EA9C}"/>
              </a:ext>
            </a:extLst>
          </p:cNvPr>
          <p:cNvSpPr>
            <a:spLocks noGrp="1"/>
          </p:cNvSpPr>
          <p:nvPr>
            <p:ph type="sldNum" sz="quarter" idx="21"/>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9388997"/>
      </p:ext>
    </p:extLst>
  </p:cSld>
  <p:clrMapOvr>
    <a:masterClrMapping/>
  </p:clrMapOvr>
  <p:extLst>
    <p:ext uri="{DCECCB84-F9BA-43D5-87BE-67443E8EF086}">
      <p15:sldGuideLst xmlns:p15="http://schemas.microsoft.com/office/powerpoint/2012/main"/>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Rapport fem indhold">
    <p:bg>
      <p:bgPr>
        <a:solidFill>
          <a:schemeClr val="bg1"/>
        </a:solidFill>
        <a:effectLst/>
      </p:bgPr>
    </p:bg>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5F8B4114-3ED6-4DA2-8C83-C6DE1E45CC54}"/>
              </a:ext>
            </a:extLst>
          </p:cNvPr>
          <p:cNvSpPr>
            <a:spLocks noGrp="1"/>
          </p:cNvSpPr>
          <p:nvPr>
            <p:ph type="title" hasCustomPrompt="1"/>
          </p:nvPr>
        </p:nvSpPr>
        <p:spPr>
          <a:xfrm>
            <a:off x="648000" y="648000"/>
            <a:ext cx="3456000" cy="2518110"/>
          </a:xfrm>
        </p:spPr>
        <p:txBody>
          <a:bodyPr/>
          <a:lstStyle>
            <a:lvl1pPr>
              <a:defRPr sz="2400"/>
            </a:lvl1pPr>
          </a:lstStyle>
          <a:p>
            <a:r>
              <a:rPr lang="da-DK" dirty="0"/>
              <a:t>Klik for at indsætte overskrift</a:t>
            </a:r>
          </a:p>
        </p:txBody>
      </p:sp>
      <p:sp>
        <p:nvSpPr>
          <p:cNvPr id="3" name="Content Placeholder 2"/>
          <p:cNvSpPr>
            <a:spLocks noGrp="1"/>
          </p:cNvSpPr>
          <p:nvPr>
            <p:ph idx="1" hasCustomPrompt="1"/>
          </p:nvPr>
        </p:nvSpPr>
        <p:spPr>
          <a:xfrm>
            <a:off x="648000"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endParaRPr lang="da-DK" noProof="0"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66800" y="648000"/>
            <a:ext cx="3456000" cy="2520000"/>
          </a:xfrm>
        </p:spPr>
        <p:txBody>
          <a:bodyPr/>
          <a:lstStyle>
            <a:lvl1pPr>
              <a:defRPr sz="1600"/>
            </a:lvl1pPr>
            <a:lvl2pPr>
              <a:defRPr sz="1400"/>
            </a:lvl2pPr>
            <a:lvl3pPr>
              <a:defRPr sz="1200"/>
            </a:lvl3pPr>
            <a:lvl4pPr>
              <a:buNone/>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4366800"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8086713"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12" name="Content Placeholder 12">
            <a:extLst>
              <a:ext uri="{FF2B5EF4-FFF2-40B4-BE49-F238E27FC236}">
                <a16:creationId xmlns:a16="http://schemas.microsoft.com/office/drawing/2014/main" id="{1AF3818B-4AF4-2388-5354-2C14A825A1FB}"/>
              </a:ext>
            </a:extLst>
          </p:cNvPr>
          <p:cNvSpPr>
            <a:spLocks noGrp="1"/>
          </p:cNvSpPr>
          <p:nvPr>
            <p:ph sz="quarter" idx="18" hasCustomPrompt="1"/>
          </p:nvPr>
        </p:nvSpPr>
        <p:spPr>
          <a:xfrm>
            <a:off x="8086713" y="648000"/>
            <a:ext cx="3456000" cy="2520000"/>
          </a:xfrm>
        </p:spPr>
        <p:txBody>
          <a:bodyPr/>
          <a:lstStyle>
            <a:lvl1pPr marL="0" indent="0">
              <a:lnSpc>
                <a:spcPct val="87000"/>
              </a:lnSpc>
              <a:spcBef>
                <a:spcPts val="1200"/>
              </a:spcBef>
              <a:spcAft>
                <a:spcPts val="0"/>
              </a:spcAft>
              <a:buNone/>
              <a:defRPr sz="6000" b="0">
                <a:latin typeface="DI Numbers Office" pitchFamily="2" charset="0"/>
              </a:defRPr>
            </a:lvl1pPr>
            <a:lvl2pPr marL="0" indent="0">
              <a:lnSpc>
                <a:spcPct val="87000"/>
              </a:lnSpc>
              <a:spcBef>
                <a:spcPts val="1200"/>
              </a:spcBef>
              <a:spcAft>
                <a:spcPts val="0"/>
              </a:spcAft>
              <a:buNone/>
              <a:defRPr sz="6000" b="0">
                <a:latin typeface="DI Numbers Office" pitchFamily="2" charset="0"/>
              </a:defRPr>
            </a:lvl2pPr>
            <a:lvl3pPr marL="0" indent="0">
              <a:lnSpc>
                <a:spcPct val="87000"/>
              </a:lnSpc>
              <a:spcBef>
                <a:spcPts val="1200"/>
              </a:spcBef>
              <a:spcAft>
                <a:spcPts val="0"/>
              </a:spcAft>
              <a:buNone/>
              <a:defRPr sz="6000" b="0">
                <a:latin typeface="DI Numbers Office" pitchFamily="2" charset="0"/>
              </a:defRPr>
            </a:lvl3pPr>
            <a:lvl4pPr marL="0">
              <a:lnSpc>
                <a:spcPct val="87000"/>
              </a:lnSpc>
              <a:spcBef>
                <a:spcPts val="1200"/>
              </a:spcBef>
              <a:spcAft>
                <a:spcPts val="0"/>
              </a:spcAft>
              <a:buNone/>
              <a:defRPr sz="6000" b="0">
                <a:latin typeface="DI Numbers Office" pitchFamily="2" charset="0"/>
              </a:defRPr>
            </a:lvl4pPr>
            <a:lvl5pPr marL="0">
              <a:lnSpc>
                <a:spcPct val="87000"/>
              </a:lnSpc>
              <a:spcBef>
                <a:spcPts val="1200"/>
              </a:spcBef>
              <a:spcAft>
                <a:spcPts val="0"/>
              </a:spcAft>
              <a:buNone/>
              <a:defRPr sz="6000" b="0">
                <a:latin typeface="DI Numbers Office" pitchFamily="2" charset="0"/>
              </a:defRPr>
            </a:lvl5pPr>
            <a:lvl6pPr marL="0" indent="0">
              <a:lnSpc>
                <a:spcPct val="87000"/>
              </a:lnSpc>
              <a:spcBef>
                <a:spcPts val="1200"/>
              </a:spcBef>
              <a:spcAft>
                <a:spcPts val="0"/>
              </a:spcAft>
              <a:buNone/>
              <a:defRPr sz="6000" b="0">
                <a:latin typeface="DI Numbers Office" pitchFamily="2" charset="0"/>
              </a:defRPr>
            </a:lvl6pPr>
            <a:lvl7pPr marL="0">
              <a:lnSpc>
                <a:spcPct val="87000"/>
              </a:lnSpc>
              <a:spcBef>
                <a:spcPts val="1200"/>
              </a:spcBef>
              <a:spcAft>
                <a:spcPts val="0"/>
              </a:spcAft>
              <a:buNone/>
              <a:defRPr sz="6000" b="0">
                <a:latin typeface="DI Numbers Office" pitchFamily="2" charset="0"/>
              </a:defRPr>
            </a:lvl7pPr>
            <a:lvl8pPr marL="0">
              <a:lnSpc>
                <a:spcPct val="87000"/>
              </a:lnSpc>
              <a:spcBef>
                <a:spcPts val="1200"/>
              </a:spcBef>
              <a:spcAft>
                <a:spcPts val="0"/>
              </a:spcAft>
              <a:buNone/>
              <a:defRPr sz="6000" b="0">
                <a:latin typeface="DI Numbers Office" pitchFamily="2" charset="0"/>
              </a:defRPr>
            </a:lvl8pPr>
            <a:lvl9pPr marL="0">
              <a:lnSpc>
                <a:spcPct val="87000"/>
              </a:lnSpc>
              <a:spcBef>
                <a:spcPts val="1200"/>
              </a:spcBef>
              <a:spcAft>
                <a:spcPts val="0"/>
              </a:spcAft>
              <a:buNone/>
              <a:defRPr sz="6000" b="0">
                <a:latin typeface="DI Numbers Office" pitchFamily="2" charset="0"/>
              </a:defRPr>
            </a:lvl9pPr>
          </a:lstStyle>
          <a:p>
            <a:pPr lvl="0"/>
            <a:r>
              <a:rPr lang="da-DK" noProof="0" dirty="0"/>
              <a:t>Klik for at indsætte 123%</a:t>
            </a:r>
            <a:endParaRPr lang="da-DK" dirty="0"/>
          </a:p>
        </p:txBody>
      </p:sp>
      <p:sp>
        <p:nvSpPr>
          <p:cNvPr id="14" name="Text Placeholder note">
            <a:extLst>
              <a:ext uri="{FF2B5EF4-FFF2-40B4-BE49-F238E27FC236}">
                <a16:creationId xmlns:a16="http://schemas.microsoft.com/office/drawing/2014/main" id="{84B91D35-23CD-E42E-72A6-55B483D13D67}"/>
              </a:ext>
            </a:extLst>
          </p:cNvPr>
          <p:cNvSpPr>
            <a:spLocks noGrp="1"/>
          </p:cNvSpPr>
          <p:nvPr>
            <p:ph type="body" sz="quarter" idx="19"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2" name="Pladsholder til dato 1" hidden="1">
            <a:extLst>
              <a:ext uri="{FF2B5EF4-FFF2-40B4-BE49-F238E27FC236}">
                <a16:creationId xmlns:a16="http://schemas.microsoft.com/office/drawing/2014/main" id="{6D0FB33F-8C42-2D32-01E5-CA0AB0771641}"/>
              </a:ext>
            </a:extLst>
          </p:cNvPr>
          <p:cNvSpPr>
            <a:spLocks noGrp="1"/>
          </p:cNvSpPr>
          <p:nvPr>
            <p:ph type="dt" sz="half" idx="20"/>
          </p:nvPr>
        </p:nvSpPr>
        <p:spPr/>
        <p:txBody>
          <a:bodyPr/>
          <a:lstStyle/>
          <a:p>
            <a:fld id="{184108CF-F4BF-46AE-BE9E-23AF7477B31B}" type="datetime2">
              <a:rPr lang="da-DK" smtClean="0"/>
              <a:t>11. september 2024</a:t>
            </a:fld>
            <a:endParaRPr lang="da-DK" dirty="0"/>
          </a:p>
        </p:txBody>
      </p:sp>
      <p:sp>
        <p:nvSpPr>
          <p:cNvPr id="4" name="Pladsholder til sidefod 3" hidden="1">
            <a:extLst>
              <a:ext uri="{FF2B5EF4-FFF2-40B4-BE49-F238E27FC236}">
                <a16:creationId xmlns:a16="http://schemas.microsoft.com/office/drawing/2014/main" id="{6DB6BEE3-FFAD-B58E-EA0A-D24AD2AB39E1}"/>
              </a:ext>
            </a:extLst>
          </p:cNvPr>
          <p:cNvSpPr>
            <a:spLocks noGrp="1"/>
          </p:cNvSpPr>
          <p:nvPr>
            <p:ph type="ftr" sz="quarter" idx="21"/>
          </p:nvPr>
        </p:nvSpPr>
        <p:spPr/>
        <p:txBody>
          <a:bodyPr/>
          <a:lstStyle/>
          <a:p>
            <a:endParaRPr lang="da-DK" dirty="0"/>
          </a:p>
        </p:txBody>
      </p:sp>
      <p:sp>
        <p:nvSpPr>
          <p:cNvPr id="13" name="Pladsholder til slidenummer 12" hidden="1">
            <a:extLst>
              <a:ext uri="{FF2B5EF4-FFF2-40B4-BE49-F238E27FC236}">
                <a16:creationId xmlns:a16="http://schemas.microsoft.com/office/drawing/2014/main" id="{6C8A0763-32BF-111A-8FBC-C9676FCEDDE5}"/>
              </a:ext>
            </a:extLst>
          </p:cNvPr>
          <p:cNvSpPr>
            <a:spLocks noGrp="1"/>
          </p:cNvSpPr>
          <p:nvPr>
            <p:ph type="sldNum" sz="quarter" idx="2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17754521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2" orient="horz" pos="2159">
          <p15:clr>
            <a:srgbClr val="A4A3A4"/>
          </p15:clr>
        </p15:guide>
        <p15:guide id="3" orient="horz" pos="1996">
          <p15:clr>
            <a:srgbClr val="A4A3A4"/>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Rapport syv indho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648000" y="648000"/>
            <a:ext cx="2527200" cy="2520000"/>
          </a:xfrm>
        </p:spPr>
        <p:txBody>
          <a:bodyPr/>
          <a:lstStyle>
            <a:lvl1pPr>
              <a:defRPr sz="2400"/>
            </a:lvl1pPr>
          </a:lstStyle>
          <a:p>
            <a:r>
              <a:rPr lang="da-DK" dirty="0"/>
              <a:t>Klik for at indsætte overskrift</a:t>
            </a:r>
          </a:p>
        </p:txBody>
      </p:sp>
      <p:sp>
        <p:nvSpPr>
          <p:cNvPr id="3" name="Content Placeholder 2"/>
          <p:cNvSpPr>
            <a:spLocks noGrp="1"/>
          </p:cNvSpPr>
          <p:nvPr>
            <p:ph idx="1" hasCustomPrompt="1"/>
          </p:nvPr>
        </p:nvSpPr>
        <p:spPr>
          <a:xfrm>
            <a:off x="648000"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437597" y="6480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3437597"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29741" y="6480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2" name="Content Placeholder 12">
            <a:extLst>
              <a:ext uri="{FF2B5EF4-FFF2-40B4-BE49-F238E27FC236}">
                <a16:creationId xmlns:a16="http://schemas.microsoft.com/office/drawing/2014/main" id="{8FA2F1E0-918E-C691-0E61-C967C1BDB5A6}"/>
              </a:ext>
            </a:extLst>
          </p:cNvPr>
          <p:cNvSpPr>
            <a:spLocks noGrp="1"/>
          </p:cNvSpPr>
          <p:nvPr>
            <p:ph sz="quarter" idx="21" hasCustomPrompt="1"/>
          </p:nvPr>
        </p:nvSpPr>
        <p:spPr>
          <a:xfrm>
            <a:off x="9013825" y="648000"/>
            <a:ext cx="2528888" cy="2520000"/>
          </a:xfrm>
        </p:spPr>
        <p:txBody>
          <a:bodyPr/>
          <a:lstStyle>
            <a:lvl1pPr marL="0" indent="0">
              <a:lnSpc>
                <a:spcPct val="87000"/>
              </a:lnSpc>
              <a:spcBef>
                <a:spcPts val="1200"/>
              </a:spcBef>
              <a:spcAft>
                <a:spcPts val="0"/>
              </a:spcAft>
              <a:buNone/>
              <a:defRPr sz="6000" b="0">
                <a:latin typeface="DI Numbers Office" pitchFamily="2" charset="0"/>
              </a:defRPr>
            </a:lvl1pPr>
            <a:lvl2pPr marL="0" indent="0">
              <a:lnSpc>
                <a:spcPct val="87000"/>
              </a:lnSpc>
              <a:spcBef>
                <a:spcPts val="1200"/>
              </a:spcBef>
              <a:spcAft>
                <a:spcPts val="0"/>
              </a:spcAft>
              <a:buNone/>
              <a:defRPr sz="6000" b="0">
                <a:latin typeface="DI Numbers Office" pitchFamily="2" charset="0"/>
              </a:defRPr>
            </a:lvl2pPr>
            <a:lvl3pPr marL="0" indent="0">
              <a:lnSpc>
                <a:spcPct val="87000"/>
              </a:lnSpc>
              <a:spcBef>
                <a:spcPts val="1200"/>
              </a:spcBef>
              <a:spcAft>
                <a:spcPts val="0"/>
              </a:spcAft>
              <a:buNone/>
              <a:defRPr sz="6000" b="0">
                <a:latin typeface="DI Numbers Office" pitchFamily="2" charset="0"/>
              </a:defRPr>
            </a:lvl3pPr>
            <a:lvl4pPr marL="0">
              <a:lnSpc>
                <a:spcPct val="87000"/>
              </a:lnSpc>
              <a:spcBef>
                <a:spcPts val="1200"/>
              </a:spcBef>
              <a:spcAft>
                <a:spcPts val="0"/>
              </a:spcAft>
              <a:buNone/>
              <a:defRPr sz="6000" b="0">
                <a:latin typeface="DI Numbers Office" pitchFamily="2" charset="0"/>
              </a:defRPr>
            </a:lvl4pPr>
            <a:lvl5pPr marL="0">
              <a:lnSpc>
                <a:spcPct val="87000"/>
              </a:lnSpc>
              <a:spcBef>
                <a:spcPts val="1200"/>
              </a:spcBef>
              <a:spcAft>
                <a:spcPts val="0"/>
              </a:spcAft>
              <a:buNone/>
              <a:defRPr sz="6000" b="0">
                <a:latin typeface="DI Numbers Office" pitchFamily="2" charset="0"/>
              </a:defRPr>
            </a:lvl5pPr>
            <a:lvl6pPr marL="0" indent="0">
              <a:lnSpc>
                <a:spcPct val="87000"/>
              </a:lnSpc>
              <a:spcBef>
                <a:spcPts val="1200"/>
              </a:spcBef>
              <a:spcAft>
                <a:spcPts val="0"/>
              </a:spcAft>
              <a:buNone/>
              <a:defRPr sz="6000" b="0">
                <a:latin typeface="DI Numbers Office" pitchFamily="2" charset="0"/>
              </a:defRPr>
            </a:lvl6pPr>
            <a:lvl7pPr marL="0">
              <a:lnSpc>
                <a:spcPct val="87000"/>
              </a:lnSpc>
              <a:spcBef>
                <a:spcPts val="1200"/>
              </a:spcBef>
              <a:spcAft>
                <a:spcPts val="0"/>
              </a:spcAft>
              <a:buNone/>
              <a:defRPr sz="6000" b="0">
                <a:latin typeface="DI Numbers Office" pitchFamily="2" charset="0"/>
              </a:defRPr>
            </a:lvl7pPr>
            <a:lvl8pPr marL="0">
              <a:lnSpc>
                <a:spcPct val="87000"/>
              </a:lnSpc>
              <a:spcBef>
                <a:spcPts val="1200"/>
              </a:spcBef>
              <a:spcAft>
                <a:spcPts val="0"/>
              </a:spcAft>
              <a:buNone/>
              <a:defRPr sz="6000" b="0">
                <a:latin typeface="DI Numbers Office" pitchFamily="2" charset="0"/>
              </a:defRPr>
            </a:lvl8pPr>
            <a:lvl9pPr marL="0">
              <a:lnSpc>
                <a:spcPct val="87000"/>
              </a:lnSpc>
              <a:spcBef>
                <a:spcPts val="1200"/>
              </a:spcBef>
              <a:spcAft>
                <a:spcPts val="0"/>
              </a:spcAft>
              <a:buNone/>
              <a:defRPr sz="6000" b="0">
                <a:latin typeface="DI Numbers Office" pitchFamily="2" charset="0"/>
              </a:defRPr>
            </a:lvl9pPr>
          </a:lstStyle>
          <a:p>
            <a:pPr lvl="0"/>
            <a:r>
              <a:rPr lang="da-DK" noProof="0" dirty="0"/>
              <a:t>Klik og indsæt 123%</a:t>
            </a:r>
            <a:endParaRPr lang="da-DK" dirty="0"/>
          </a:p>
        </p:txBody>
      </p:sp>
      <p:sp>
        <p:nvSpPr>
          <p:cNvPr id="4" name="Text Placeholder note">
            <a:extLst>
              <a:ext uri="{FF2B5EF4-FFF2-40B4-BE49-F238E27FC236}">
                <a16:creationId xmlns:a16="http://schemas.microsoft.com/office/drawing/2014/main" id="{9293B404-C542-36E9-352D-662FB25977DE}"/>
              </a:ext>
            </a:extLst>
          </p:cNvPr>
          <p:cNvSpPr>
            <a:spLocks noGrp="1"/>
          </p:cNvSpPr>
          <p:nvPr>
            <p:ph type="body" sz="quarter" idx="22"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9" name="Pladsholder til dato 8" hidden="1">
            <a:extLst>
              <a:ext uri="{FF2B5EF4-FFF2-40B4-BE49-F238E27FC236}">
                <a16:creationId xmlns:a16="http://schemas.microsoft.com/office/drawing/2014/main" id="{01224BFB-0C29-9655-0FE2-4E41651F096D}"/>
              </a:ext>
            </a:extLst>
          </p:cNvPr>
          <p:cNvSpPr>
            <a:spLocks noGrp="1"/>
          </p:cNvSpPr>
          <p:nvPr>
            <p:ph type="dt" sz="half" idx="23"/>
          </p:nvPr>
        </p:nvSpPr>
        <p:spPr/>
        <p:txBody>
          <a:bodyPr/>
          <a:lstStyle/>
          <a:p>
            <a:fld id="{4EEAA188-5A0A-458D-9709-7483ECB9B179}" type="datetime2">
              <a:rPr lang="da-DK" smtClean="0"/>
              <a:t>11. september 2024</a:t>
            </a:fld>
            <a:endParaRPr lang="da-DK" dirty="0"/>
          </a:p>
        </p:txBody>
      </p:sp>
      <p:sp>
        <p:nvSpPr>
          <p:cNvPr id="10" name="Pladsholder til sidefod 9" hidden="1">
            <a:extLst>
              <a:ext uri="{FF2B5EF4-FFF2-40B4-BE49-F238E27FC236}">
                <a16:creationId xmlns:a16="http://schemas.microsoft.com/office/drawing/2014/main" id="{AEC8E52F-0D96-74F6-819D-5A9438022484}"/>
              </a:ext>
            </a:extLst>
          </p:cNvPr>
          <p:cNvSpPr>
            <a:spLocks noGrp="1"/>
          </p:cNvSpPr>
          <p:nvPr>
            <p:ph type="ftr" sz="quarter" idx="24"/>
          </p:nvPr>
        </p:nvSpPr>
        <p:spPr/>
        <p:txBody>
          <a:bodyPr/>
          <a:lstStyle/>
          <a:p>
            <a:endParaRPr lang="da-DK" dirty="0"/>
          </a:p>
        </p:txBody>
      </p:sp>
      <p:sp>
        <p:nvSpPr>
          <p:cNvPr id="14" name="Pladsholder til slidenummer 13" hidden="1">
            <a:extLst>
              <a:ext uri="{FF2B5EF4-FFF2-40B4-BE49-F238E27FC236}">
                <a16:creationId xmlns:a16="http://schemas.microsoft.com/office/drawing/2014/main" id="{38B67B8E-9814-F918-84D9-5136B08F2477}"/>
              </a:ext>
            </a:extLst>
          </p:cNvPr>
          <p:cNvSpPr>
            <a:spLocks noGrp="1"/>
          </p:cNvSpPr>
          <p:nvPr>
            <p:ph type="sldNum" sz="quarter" idx="25"/>
          </p:nvPr>
        </p:nvSpPr>
        <p:spPr/>
        <p:txBody>
          <a:bodyPr/>
          <a:lstStyle/>
          <a:p>
            <a:fld id="{24C8C45C-947F-4981-8B3F-4F32E973C901}" type="slidenum">
              <a:rPr lang="da-DK" smtClean="0"/>
              <a:pPr/>
              <a:t>‹#›</a:t>
            </a:fld>
            <a:endParaRPr lang="da-DK" dirty="0"/>
          </a:p>
        </p:txBody>
      </p:sp>
      <p:sp>
        <p:nvSpPr>
          <p:cNvPr id="17" name="Content Placeholder 14">
            <a:extLst>
              <a:ext uri="{FF2B5EF4-FFF2-40B4-BE49-F238E27FC236}">
                <a16:creationId xmlns:a16="http://schemas.microsoft.com/office/drawing/2014/main" id="{0A292E12-B22A-6473-743D-C1FAE7236874}"/>
              </a:ext>
            </a:extLst>
          </p:cNvPr>
          <p:cNvSpPr>
            <a:spLocks noGrp="1"/>
          </p:cNvSpPr>
          <p:nvPr>
            <p:ph sz="quarter" idx="26" hasCustomPrompt="1"/>
          </p:nvPr>
        </p:nvSpPr>
        <p:spPr>
          <a:xfrm>
            <a:off x="6229741"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18" name="Content Placeholder 14">
            <a:extLst>
              <a:ext uri="{FF2B5EF4-FFF2-40B4-BE49-F238E27FC236}">
                <a16:creationId xmlns:a16="http://schemas.microsoft.com/office/drawing/2014/main" id="{89973F6E-BE36-5A8D-29A5-741FC174D97B}"/>
              </a:ext>
            </a:extLst>
          </p:cNvPr>
          <p:cNvSpPr>
            <a:spLocks noGrp="1"/>
          </p:cNvSpPr>
          <p:nvPr>
            <p:ph sz="quarter" idx="27" hasCustomPrompt="1"/>
          </p:nvPr>
        </p:nvSpPr>
        <p:spPr>
          <a:xfrm>
            <a:off x="9015513"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Tree>
    <p:extLst>
      <p:ext uri="{BB962C8B-B14F-4D97-AF65-F5344CB8AC3E}">
        <p14:creationId xmlns:p14="http://schemas.microsoft.com/office/powerpoint/2010/main" val="3836804676"/>
      </p:ext>
    </p:extLst>
  </p:cSld>
  <p:clrMapOvr>
    <a:masterClrMapping/>
  </p:clrMapOvr>
  <p:extLst>
    <p:ext uri="{DCECCB84-F9BA-43D5-87BE-67443E8EF086}">
      <p15:sldGuideLst xmlns:p15="http://schemas.microsoft.com/office/powerpoint/2012/main">
        <p15:guide id="1" orient="horz" pos="1996">
          <p15:clr>
            <a:srgbClr val="A4A3A4"/>
          </p15:clr>
        </p15:guide>
        <p15:guide id="2" orient="horz" pos="2158">
          <p15:clr>
            <a:srgbClr val="A4A3A4"/>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2 Kontaktpersoner">
    <p:bg>
      <p:bgPr>
        <a:solidFill>
          <a:schemeClr val="bg2"/>
        </a:solidFill>
        <a:effectLst/>
      </p:bgPr>
    </p:bg>
    <p:spTree>
      <p:nvGrpSpPr>
        <p:cNvPr id="1" name=""/>
        <p:cNvGrpSpPr/>
        <p:nvPr/>
      </p:nvGrpSpPr>
      <p:grpSpPr>
        <a:xfrm>
          <a:off x="0" y="0"/>
          <a:ext cx="0" cy="0"/>
          <a:chOff x="0" y="0"/>
          <a:chExt cx="0" cy="0"/>
        </a:xfrm>
      </p:grpSpPr>
      <p:sp>
        <p:nvSpPr>
          <p:cNvPr id="4" name="Pladsholder til dato 3" hidden="1">
            <a:extLst>
              <a:ext uri="{FF2B5EF4-FFF2-40B4-BE49-F238E27FC236}">
                <a16:creationId xmlns:a16="http://schemas.microsoft.com/office/drawing/2014/main" id="{61C79CF3-B631-E8E3-051D-72B58828B346}"/>
              </a:ext>
            </a:extLst>
          </p:cNvPr>
          <p:cNvSpPr>
            <a:spLocks noGrp="1"/>
          </p:cNvSpPr>
          <p:nvPr>
            <p:ph type="dt" sz="half" idx="11"/>
          </p:nvPr>
        </p:nvSpPr>
        <p:spPr>
          <a:xfrm>
            <a:off x="0" y="6858000"/>
            <a:ext cx="0" cy="0"/>
          </a:xfrm>
          <a:prstGeom prst="rect">
            <a:avLst/>
          </a:prstGeom>
        </p:spPr>
        <p:txBody>
          <a:bodyPr/>
          <a:lstStyle/>
          <a:p>
            <a:fld id="{A7544344-06F1-45C9-BF92-99A64AC4A3FE}"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54C20659-2A5B-B635-28CC-577FCE585D87}"/>
              </a:ext>
            </a:extLst>
          </p:cNvPr>
          <p:cNvSpPr>
            <a:spLocks noGrp="1"/>
          </p:cNvSpPr>
          <p:nvPr>
            <p:ph type="ftr" sz="quarter" idx="12"/>
          </p:nvPr>
        </p:nvSpPr>
        <p:spPr>
          <a:xfrm>
            <a:off x="0" y="6858000"/>
            <a:ext cx="0" cy="0"/>
          </a:xfrm>
          <a:prstGeom prst="rect">
            <a:avLst/>
          </a:prstGeom>
        </p:spPr>
        <p:txBody>
          <a:bodyPr/>
          <a:lstStyle/>
          <a:p>
            <a:endParaRPr lang="da-DK" dirty="0"/>
          </a:p>
        </p:txBody>
      </p:sp>
      <p:sp>
        <p:nvSpPr>
          <p:cNvPr id="3" name="Pladsholder til slidenummer 2" hidden="1">
            <a:extLst>
              <a:ext uri="{FF2B5EF4-FFF2-40B4-BE49-F238E27FC236}">
                <a16:creationId xmlns:a16="http://schemas.microsoft.com/office/drawing/2014/main" id="{8A2E37A7-0865-5D9D-8070-D263D29272F5}"/>
              </a:ext>
            </a:extLst>
          </p:cNvPr>
          <p:cNvSpPr>
            <a:spLocks noGrp="1"/>
          </p:cNvSpPr>
          <p:nvPr>
            <p:ph type="sldNum" sz="quarter" idx="10"/>
          </p:nvPr>
        </p:nvSpPr>
        <p:spPr>
          <a:xfrm>
            <a:off x="0" y="6858000"/>
            <a:ext cx="0" cy="0"/>
          </a:xfrm>
          <a:prstGeom prst="rect">
            <a:avLst/>
          </a:prstGeom>
        </p:spPr>
        <p:txBody>
          <a:bodyPr/>
          <a:lstStyle/>
          <a:p>
            <a:fld id="{24C8C45C-947F-4981-8B3F-4F32E973C901}" type="slidenum">
              <a:rPr lang="da-DK" smtClean="0"/>
              <a:pPr/>
              <a:t>‹#›</a:t>
            </a:fld>
            <a:endParaRPr lang="da-DK" dirty="0"/>
          </a:p>
        </p:txBody>
      </p:sp>
      <p:sp>
        <p:nvSpPr>
          <p:cNvPr id="16" name="Billedepladsholder 1">
            <a:extLst>
              <a:ext uri="{FF2B5EF4-FFF2-40B4-BE49-F238E27FC236}">
                <a16:creationId xmlns:a16="http://schemas.microsoft.com/office/drawing/2014/main" id="{8E1C80C0-9FA5-E77D-95FB-701A9423CFD5}"/>
              </a:ext>
            </a:extLst>
          </p:cNvPr>
          <p:cNvSpPr>
            <a:spLocks noGrp="1"/>
          </p:cNvSpPr>
          <p:nvPr>
            <p:ph type="pic" sz="quarter" idx="14" hasCustomPrompt="1"/>
          </p:nvPr>
        </p:nvSpPr>
        <p:spPr>
          <a:xfrm>
            <a:off x="3435350" y="1526429"/>
            <a:ext cx="3719513" cy="3424446"/>
          </a:xfrm>
          <a:custGeom>
            <a:avLst/>
            <a:gdLst>
              <a:gd name="connsiteX0" fmla="*/ 0 w 3719513"/>
              <a:gd name="connsiteY0" fmla="*/ 0 h 3424446"/>
              <a:gd name="connsiteX1" fmla="*/ 349430 w 3719513"/>
              <a:gd name="connsiteY1" fmla="*/ 0 h 3424446"/>
              <a:gd name="connsiteX2" fmla="*/ 1027522 w 3719513"/>
              <a:gd name="connsiteY2" fmla="*/ 0 h 3424446"/>
              <a:gd name="connsiteX3" fmla="*/ 3370083 w 3719513"/>
              <a:gd name="connsiteY3" fmla="*/ 0 h 3424446"/>
              <a:gd name="connsiteX4" fmla="*/ 3719513 w 3719513"/>
              <a:gd name="connsiteY4" fmla="*/ 349430 h 3424446"/>
              <a:gd name="connsiteX5" fmla="*/ 3719513 w 3719513"/>
              <a:gd name="connsiteY5" fmla="*/ 3075016 h 3424446"/>
              <a:gd name="connsiteX6" fmla="*/ 3370083 w 3719513"/>
              <a:gd name="connsiteY6" fmla="*/ 3424446 h 3424446"/>
              <a:gd name="connsiteX7" fmla="*/ 349430 w 3719513"/>
              <a:gd name="connsiteY7" fmla="*/ 3424446 h 3424446"/>
              <a:gd name="connsiteX8" fmla="*/ 0 w 3719513"/>
              <a:gd name="connsiteY8" fmla="*/ 3075016 h 3424446"/>
              <a:gd name="connsiteX9" fmla="*/ 0 w 3719513"/>
              <a:gd name="connsiteY9" fmla="*/ 961534 h 3424446"/>
              <a:gd name="connsiteX10" fmla="*/ 0 w 3719513"/>
              <a:gd name="connsiteY10" fmla="*/ 349430 h 34244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719513" h="3424446">
                <a:moveTo>
                  <a:pt x="0" y="0"/>
                </a:moveTo>
                <a:lnTo>
                  <a:pt x="349430" y="0"/>
                </a:lnTo>
                <a:lnTo>
                  <a:pt x="1027522" y="0"/>
                </a:lnTo>
                <a:lnTo>
                  <a:pt x="3370083" y="0"/>
                </a:lnTo>
                <a:cubicBezTo>
                  <a:pt x="3563068" y="0"/>
                  <a:pt x="3719513" y="156445"/>
                  <a:pt x="3719513" y="349430"/>
                </a:cubicBezTo>
                <a:lnTo>
                  <a:pt x="3719513" y="3075016"/>
                </a:lnTo>
                <a:cubicBezTo>
                  <a:pt x="3719513" y="3268001"/>
                  <a:pt x="3563068" y="3424446"/>
                  <a:pt x="3370083" y="3424446"/>
                </a:cubicBezTo>
                <a:lnTo>
                  <a:pt x="349430" y="3424446"/>
                </a:lnTo>
                <a:cubicBezTo>
                  <a:pt x="156445" y="3424446"/>
                  <a:pt x="0" y="3268001"/>
                  <a:pt x="0" y="3075016"/>
                </a:cubicBezTo>
                <a:lnTo>
                  <a:pt x="0" y="961534"/>
                </a:lnTo>
                <a:lnTo>
                  <a:pt x="0" y="349430"/>
                </a:lnTo>
                <a:close/>
              </a:path>
            </a:pathLst>
          </a:custGeom>
          <a:solidFill>
            <a:schemeClr val="bg1">
              <a:lumMod val="95000"/>
            </a:schemeClr>
          </a:solidFill>
        </p:spPr>
        <p:txBody>
          <a:bodyPr wrap="square" lIns="108000" tIns="72000" rIns="108000" bIns="0" anchor="t" anchorCtr="0">
            <a:noAutofit/>
          </a:bodyPr>
          <a:lstStyle>
            <a:lvl1pPr marL="0" indent="0" algn="ctr">
              <a:buNone/>
              <a:defRPr sz="1600"/>
            </a:lvl1pPr>
          </a:lstStyle>
          <a:p>
            <a:r>
              <a:rPr lang="da-DK" noProof="0" dirty="0"/>
              <a:t>Klik på rammen og indsæt billede via Skyfish</a:t>
            </a:r>
            <a:endParaRPr lang="da-DK" dirty="0"/>
          </a:p>
        </p:txBody>
      </p:sp>
      <p:sp>
        <p:nvSpPr>
          <p:cNvPr id="17" name="Billedepladsholder 2">
            <a:extLst>
              <a:ext uri="{FF2B5EF4-FFF2-40B4-BE49-F238E27FC236}">
                <a16:creationId xmlns:a16="http://schemas.microsoft.com/office/drawing/2014/main" id="{C6660F99-2D39-0E5E-2BAE-8FE7E698DC74}"/>
              </a:ext>
            </a:extLst>
          </p:cNvPr>
          <p:cNvSpPr>
            <a:spLocks noGrp="1"/>
          </p:cNvSpPr>
          <p:nvPr>
            <p:ph type="pic" sz="quarter" idx="15" hasCustomPrompt="1"/>
          </p:nvPr>
        </p:nvSpPr>
        <p:spPr>
          <a:xfrm>
            <a:off x="7496796" y="1526429"/>
            <a:ext cx="3719513" cy="3424446"/>
          </a:xfrm>
          <a:custGeom>
            <a:avLst/>
            <a:gdLst>
              <a:gd name="connsiteX0" fmla="*/ 0 w 3719513"/>
              <a:gd name="connsiteY0" fmla="*/ 0 h 3424446"/>
              <a:gd name="connsiteX1" fmla="*/ 349430 w 3719513"/>
              <a:gd name="connsiteY1" fmla="*/ 0 h 3424446"/>
              <a:gd name="connsiteX2" fmla="*/ 1027522 w 3719513"/>
              <a:gd name="connsiteY2" fmla="*/ 0 h 3424446"/>
              <a:gd name="connsiteX3" fmla="*/ 3370083 w 3719513"/>
              <a:gd name="connsiteY3" fmla="*/ 0 h 3424446"/>
              <a:gd name="connsiteX4" fmla="*/ 3719513 w 3719513"/>
              <a:gd name="connsiteY4" fmla="*/ 349430 h 3424446"/>
              <a:gd name="connsiteX5" fmla="*/ 3719513 w 3719513"/>
              <a:gd name="connsiteY5" fmla="*/ 3075016 h 3424446"/>
              <a:gd name="connsiteX6" fmla="*/ 3370083 w 3719513"/>
              <a:gd name="connsiteY6" fmla="*/ 3424446 h 3424446"/>
              <a:gd name="connsiteX7" fmla="*/ 349430 w 3719513"/>
              <a:gd name="connsiteY7" fmla="*/ 3424446 h 3424446"/>
              <a:gd name="connsiteX8" fmla="*/ 0 w 3719513"/>
              <a:gd name="connsiteY8" fmla="*/ 3075016 h 3424446"/>
              <a:gd name="connsiteX9" fmla="*/ 0 w 3719513"/>
              <a:gd name="connsiteY9" fmla="*/ 961534 h 3424446"/>
              <a:gd name="connsiteX10" fmla="*/ 0 w 3719513"/>
              <a:gd name="connsiteY10" fmla="*/ 349430 h 34244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719513" h="3424446">
                <a:moveTo>
                  <a:pt x="0" y="0"/>
                </a:moveTo>
                <a:lnTo>
                  <a:pt x="349430" y="0"/>
                </a:lnTo>
                <a:lnTo>
                  <a:pt x="1027522" y="0"/>
                </a:lnTo>
                <a:lnTo>
                  <a:pt x="3370083" y="0"/>
                </a:lnTo>
                <a:cubicBezTo>
                  <a:pt x="3563068" y="0"/>
                  <a:pt x="3719513" y="156445"/>
                  <a:pt x="3719513" y="349430"/>
                </a:cubicBezTo>
                <a:lnTo>
                  <a:pt x="3719513" y="3075016"/>
                </a:lnTo>
                <a:cubicBezTo>
                  <a:pt x="3719513" y="3268001"/>
                  <a:pt x="3563068" y="3424446"/>
                  <a:pt x="3370083" y="3424446"/>
                </a:cubicBezTo>
                <a:lnTo>
                  <a:pt x="349430" y="3424446"/>
                </a:lnTo>
                <a:cubicBezTo>
                  <a:pt x="156445" y="3424446"/>
                  <a:pt x="0" y="3268001"/>
                  <a:pt x="0" y="3075016"/>
                </a:cubicBezTo>
                <a:lnTo>
                  <a:pt x="0" y="961534"/>
                </a:lnTo>
                <a:lnTo>
                  <a:pt x="0" y="349430"/>
                </a:lnTo>
                <a:close/>
              </a:path>
            </a:pathLst>
          </a:custGeom>
          <a:solidFill>
            <a:schemeClr val="bg1">
              <a:lumMod val="95000"/>
            </a:schemeClr>
          </a:solidFill>
        </p:spPr>
        <p:txBody>
          <a:bodyPr wrap="square" lIns="108000" tIns="72000" rIns="108000" bIns="0" anchor="t" anchorCtr="0">
            <a:noAutofit/>
          </a:bodyPr>
          <a:lstStyle>
            <a:lvl1pPr marL="0" indent="0" algn="ctr">
              <a:buNone/>
              <a:defRPr sz="1600"/>
            </a:lvl1pPr>
          </a:lstStyle>
          <a:p>
            <a:r>
              <a:rPr lang="da-DK" noProof="0" dirty="0"/>
              <a:t>Klik på rammen og indsæt billede via Skyfish</a:t>
            </a:r>
            <a:endParaRPr lang="da-DK" dirty="0"/>
          </a:p>
        </p:txBody>
      </p:sp>
      <p:sp>
        <p:nvSpPr>
          <p:cNvPr id="2" name="Titel 1">
            <a:extLst>
              <a:ext uri="{FF2B5EF4-FFF2-40B4-BE49-F238E27FC236}">
                <a16:creationId xmlns:a16="http://schemas.microsoft.com/office/drawing/2014/main" id="{9F85D3E7-D4BC-7BF4-9267-EBAA80F11F25}"/>
              </a:ext>
            </a:extLst>
          </p:cNvPr>
          <p:cNvSpPr>
            <a:spLocks noGrp="1"/>
          </p:cNvSpPr>
          <p:nvPr>
            <p:ph type="title" hasCustomPrompt="1"/>
          </p:nvPr>
        </p:nvSpPr>
        <p:spPr>
          <a:xfrm>
            <a:off x="648000" y="648000"/>
            <a:ext cx="10897200" cy="600697"/>
          </a:xfrm>
        </p:spPr>
        <p:txBody>
          <a:bodyPr/>
          <a:lstStyle>
            <a:lvl1pPr>
              <a:defRPr/>
            </a:lvl1pPr>
          </a:lstStyle>
          <a:p>
            <a:r>
              <a:rPr lang="da-DK" dirty="0"/>
              <a:t>Klik for at indsætte Kontaktpersoner</a:t>
            </a:r>
          </a:p>
        </p:txBody>
      </p:sp>
      <p:sp>
        <p:nvSpPr>
          <p:cNvPr id="8" name="Pladsholder til tekst 7">
            <a:extLst>
              <a:ext uri="{FF2B5EF4-FFF2-40B4-BE49-F238E27FC236}">
                <a16:creationId xmlns:a16="http://schemas.microsoft.com/office/drawing/2014/main" id="{3EE981BC-DD1C-C0DC-77DB-4FB9211CC57D}"/>
              </a:ext>
            </a:extLst>
          </p:cNvPr>
          <p:cNvSpPr>
            <a:spLocks noGrp="1"/>
          </p:cNvSpPr>
          <p:nvPr>
            <p:ph type="body" sz="quarter" idx="13" hasCustomPrompt="1"/>
          </p:nvPr>
        </p:nvSpPr>
        <p:spPr>
          <a:xfrm>
            <a:off x="647700" y="1501897"/>
            <a:ext cx="1858963" cy="2160000"/>
          </a:xfrm>
        </p:spPr>
        <p:txBody>
          <a:bodyPr/>
          <a:lstStyle>
            <a:lvl1pPr marL="0" indent="0">
              <a:lnSpc>
                <a:spcPct val="100000"/>
              </a:lnSpc>
              <a:spcAft>
                <a:spcPts val="600"/>
              </a:spcAft>
              <a:buFont typeface="Arial" panose="020B0604020202020204" pitchFamily="34" charset="0"/>
              <a:buChar char="​"/>
              <a:defRPr sz="1000"/>
            </a:lvl1pPr>
            <a:lvl2pPr marL="0" indent="0">
              <a:lnSpc>
                <a:spcPct val="100000"/>
              </a:lnSpc>
              <a:spcAft>
                <a:spcPts val="0"/>
              </a:spcAft>
              <a:buFont typeface="Arial" panose="020B0604020202020204" pitchFamily="34" charset="0"/>
              <a:buChar char="​"/>
              <a:defRPr sz="1000" b="1"/>
            </a:lvl2pPr>
            <a:lvl3pPr marL="90000" indent="-90000">
              <a:lnSpc>
                <a:spcPct val="100000"/>
              </a:lnSpc>
              <a:spcAft>
                <a:spcPts val="600"/>
              </a:spcAft>
              <a:defRPr sz="1000"/>
            </a:lvl3pPr>
            <a:lvl4pPr marL="180000" indent="-90000">
              <a:lnSpc>
                <a:spcPct val="100000"/>
              </a:lnSpc>
              <a:spcAft>
                <a:spcPts val="600"/>
              </a:spcAft>
              <a:buFont typeface="Arial" panose="020B0604020202020204" pitchFamily="34" charset="0"/>
              <a:buChar char="•"/>
              <a:defRPr sz="1000" b="0"/>
            </a:lvl4pPr>
            <a:lvl5pPr marL="270000" indent="-90000">
              <a:lnSpc>
                <a:spcPct val="100000"/>
              </a:lnSpc>
              <a:spcAft>
                <a:spcPts val="600"/>
              </a:spcAft>
              <a:buFont typeface="Arial" panose="020B0604020202020204" pitchFamily="34" charset="0"/>
              <a:buChar char="•"/>
              <a:defRPr sz="1000"/>
            </a:lvl5pPr>
            <a:lvl6pPr marL="180000" indent="-180000">
              <a:lnSpc>
                <a:spcPct val="93000"/>
              </a:lnSpc>
              <a:spcAft>
                <a:spcPts val="600"/>
              </a:spcAft>
              <a:defRPr sz="2000"/>
            </a:lvl6pPr>
            <a:lvl7pPr>
              <a:lnSpc>
                <a:spcPct val="93000"/>
              </a:lnSpc>
              <a:spcAft>
                <a:spcPts val="0"/>
              </a:spcAft>
              <a:defRPr sz="2000"/>
            </a:lvl7pPr>
            <a:lvl8pPr>
              <a:lnSpc>
                <a:spcPct val="93000"/>
              </a:lnSpc>
              <a:spcAft>
                <a:spcPts val="1200"/>
              </a:spcAft>
              <a:defRPr sz="2000"/>
            </a:lvl8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a:t>
            </a:r>
            <a:endParaRPr lang="da-DK" dirty="0"/>
          </a:p>
        </p:txBody>
      </p:sp>
      <p:sp>
        <p:nvSpPr>
          <p:cNvPr id="19" name="Pladsholder til tekst navn">
            <a:extLst>
              <a:ext uri="{FF2B5EF4-FFF2-40B4-BE49-F238E27FC236}">
                <a16:creationId xmlns:a16="http://schemas.microsoft.com/office/drawing/2014/main" id="{DDEC23B9-63B1-8BA7-FB58-088997549115}"/>
              </a:ext>
            </a:extLst>
          </p:cNvPr>
          <p:cNvSpPr>
            <a:spLocks noGrp="1"/>
          </p:cNvSpPr>
          <p:nvPr>
            <p:ph type="body" sz="quarter" idx="16" hasCustomPrompt="1"/>
          </p:nvPr>
        </p:nvSpPr>
        <p:spPr>
          <a:xfrm>
            <a:off x="3668454" y="5117657"/>
            <a:ext cx="3222000" cy="252000"/>
          </a:xfrm>
        </p:spPr>
        <p:txBody>
          <a:bodyPr/>
          <a:lstStyle>
            <a:lvl1pPr marL="0" indent="0">
              <a:lnSpc>
                <a:spcPct val="100000"/>
              </a:lnSpc>
              <a:spcAft>
                <a:spcPts val="0"/>
              </a:spcAft>
              <a:buNone/>
              <a:defRPr sz="1600" b="1"/>
            </a:lvl1pPr>
            <a:lvl2pPr marL="0" indent="0">
              <a:lnSpc>
                <a:spcPct val="100000"/>
              </a:lnSpc>
              <a:spcAft>
                <a:spcPts val="0"/>
              </a:spcAft>
              <a:buNone/>
              <a:defRPr sz="1600" b="1"/>
            </a:lvl2pPr>
            <a:lvl3pPr marL="0" indent="0">
              <a:lnSpc>
                <a:spcPct val="100000"/>
              </a:lnSpc>
              <a:spcAft>
                <a:spcPts val="0"/>
              </a:spcAft>
              <a:buNone/>
              <a:defRPr sz="1600" b="1"/>
            </a:lvl3pPr>
            <a:lvl4pPr marL="0">
              <a:lnSpc>
                <a:spcPct val="100000"/>
              </a:lnSpc>
              <a:spcAft>
                <a:spcPts val="0"/>
              </a:spcAft>
              <a:buNone/>
              <a:defRPr sz="1600" b="1"/>
            </a:lvl4pPr>
            <a:lvl5pPr marL="0">
              <a:lnSpc>
                <a:spcPct val="100000"/>
              </a:lnSpc>
              <a:spcAft>
                <a:spcPts val="0"/>
              </a:spcAft>
              <a:buNone/>
              <a:defRPr sz="1600" b="1"/>
            </a:lvl5pPr>
            <a:lvl6pPr marL="0" indent="0">
              <a:lnSpc>
                <a:spcPct val="100000"/>
              </a:lnSpc>
              <a:spcAft>
                <a:spcPts val="0"/>
              </a:spcAft>
              <a:buNone/>
              <a:defRPr sz="1600" b="1"/>
            </a:lvl6pPr>
            <a:lvl7pPr marL="0">
              <a:lnSpc>
                <a:spcPct val="100000"/>
              </a:lnSpc>
              <a:spcAft>
                <a:spcPts val="0"/>
              </a:spcAft>
              <a:buNone/>
              <a:defRPr sz="1600" b="1"/>
            </a:lvl7pPr>
            <a:lvl8pPr marL="0">
              <a:lnSpc>
                <a:spcPct val="100000"/>
              </a:lnSpc>
              <a:spcAft>
                <a:spcPts val="0"/>
              </a:spcAft>
              <a:buNone/>
              <a:defRPr sz="1600" b="1"/>
            </a:lvl8pPr>
            <a:lvl9pPr marL="0">
              <a:lnSpc>
                <a:spcPct val="100000"/>
              </a:lnSpc>
              <a:spcAft>
                <a:spcPts val="0"/>
              </a:spcAft>
              <a:buNone/>
              <a:defRPr sz="1600" b="1"/>
            </a:lvl9pPr>
          </a:lstStyle>
          <a:p>
            <a:pPr lvl="0"/>
            <a:r>
              <a:rPr lang="da-DK" noProof="0" dirty="0"/>
              <a:t>Klik for at indsætte navn</a:t>
            </a:r>
            <a:endParaRPr lang="da-DK" dirty="0"/>
          </a:p>
        </p:txBody>
      </p:sp>
      <p:sp>
        <p:nvSpPr>
          <p:cNvPr id="20" name="Pladsholder til tekst titel">
            <a:extLst>
              <a:ext uri="{FF2B5EF4-FFF2-40B4-BE49-F238E27FC236}">
                <a16:creationId xmlns:a16="http://schemas.microsoft.com/office/drawing/2014/main" id="{C3209B5F-30C5-BE84-44CC-333585A3BF76}"/>
              </a:ext>
            </a:extLst>
          </p:cNvPr>
          <p:cNvSpPr>
            <a:spLocks noGrp="1"/>
          </p:cNvSpPr>
          <p:nvPr>
            <p:ph type="body" sz="quarter" idx="17" hasCustomPrompt="1"/>
          </p:nvPr>
        </p:nvSpPr>
        <p:spPr>
          <a:xfrm>
            <a:off x="3668454" y="5333589"/>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itel</a:t>
            </a:r>
            <a:endParaRPr lang="da-DK" dirty="0"/>
          </a:p>
        </p:txBody>
      </p:sp>
      <p:sp>
        <p:nvSpPr>
          <p:cNvPr id="21" name="Pladsholder til tekst telefon">
            <a:extLst>
              <a:ext uri="{FF2B5EF4-FFF2-40B4-BE49-F238E27FC236}">
                <a16:creationId xmlns:a16="http://schemas.microsoft.com/office/drawing/2014/main" id="{BF5FABDB-6367-759E-E4F7-D8432A45C49A}"/>
              </a:ext>
            </a:extLst>
          </p:cNvPr>
          <p:cNvSpPr>
            <a:spLocks noGrp="1"/>
          </p:cNvSpPr>
          <p:nvPr>
            <p:ph type="body" sz="quarter" idx="18" hasCustomPrompt="1"/>
          </p:nvPr>
        </p:nvSpPr>
        <p:spPr>
          <a:xfrm>
            <a:off x="3668454" y="5568375"/>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elefon nr.</a:t>
            </a:r>
            <a:endParaRPr lang="da-DK" dirty="0"/>
          </a:p>
        </p:txBody>
      </p:sp>
      <p:sp>
        <p:nvSpPr>
          <p:cNvPr id="22" name="Pladsholder til tekst email">
            <a:extLst>
              <a:ext uri="{FF2B5EF4-FFF2-40B4-BE49-F238E27FC236}">
                <a16:creationId xmlns:a16="http://schemas.microsoft.com/office/drawing/2014/main" id="{A40AE11C-8823-76DC-0AD3-9E6501850242}"/>
              </a:ext>
            </a:extLst>
          </p:cNvPr>
          <p:cNvSpPr>
            <a:spLocks noGrp="1"/>
          </p:cNvSpPr>
          <p:nvPr>
            <p:ph type="body" sz="quarter" idx="19" hasCustomPrompt="1"/>
          </p:nvPr>
        </p:nvSpPr>
        <p:spPr>
          <a:xfrm>
            <a:off x="3668454" y="5765452"/>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e-mail</a:t>
            </a:r>
            <a:endParaRPr lang="da-DK" dirty="0"/>
          </a:p>
        </p:txBody>
      </p:sp>
      <p:sp>
        <p:nvSpPr>
          <p:cNvPr id="23" name="Pladsholder til tekst navn">
            <a:extLst>
              <a:ext uri="{FF2B5EF4-FFF2-40B4-BE49-F238E27FC236}">
                <a16:creationId xmlns:a16="http://schemas.microsoft.com/office/drawing/2014/main" id="{2ED3459A-AA83-0355-7B8C-61659F33B7CC}"/>
              </a:ext>
            </a:extLst>
          </p:cNvPr>
          <p:cNvSpPr>
            <a:spLocks noGrp="1"/>
          </p:cNvSpPr>
          <p:nvPr>
            <p:ph type="body" sz="quarter" idx="20" hasCustomPrompt="1"/>
          </p:nvPr>
        </p:nvSpPr>
        <p:spPr>
          <a:xfrm>
            <a:off x="7729276" y="5117657"/>
            <a:ext cx="3222000" cy="252000"/>
          </a:xfrm>
        </p:spPr>
        <p:txBody>
          <a:bodyPr/>
          <a:lstStyle>
            <a:lvl1pPr marL="0" indent="0">
              <a:lnSpc>
                <a:spcPct val="100000"/>
              </a:lnSpc>
              <a:spcAft>
                <a:spcPts val="0"/>
              </a:spcAft>
              <a:buNone/>
              <a:defRPr sz="1600" b="1"/>
            </a:lvl1pPr>
            <a:lvl2pPr marL="0" indent="0">
              <a:lnSpc>
                <a:spcPct val="100000"/>
              </a:lnSpc>
              <a:spcAft>
                <a:spcPts val="0"/>
              </a:spcAft>
              <a:buNone/>
              <a:defRPr sz="1600" b="1"/>
            </a:lvl2pPr>
            <a:lvl3pPr marL="0" indent="0">
              <a:lnSpc>
                <a:spcPct val="100000"/>
              </a:lnSpc>
              <a:spcAft>
                <a:spcPts val="0"/>
              </a:spcAft>
              <a:buNone/>
              <a:defRPr sz="1600" b="1"/>
            </a:lvl3pPr>
            <a:lvl4pPr marL="0">
              <a:lnSpc>
                <a:spcPct val="100000"/>
              </a:lnSpc>
              <a:spcAft>
                <a:spcPts val="0"/>
              </a:spcAft>
              <a:buNone/>
              <a:defRPr sz="1600" b="1"/>
            </a:lvl4pPr>
            <a:lvl5pPr marL="0">
              <a:lnSpc>
                <a:spcPct val="100000"/>
              </a:lnSpc>
              <a:spcAft>
                <a:spcPts val="0"/>
              </a:spcAft>
              <a:buNone/>
              <a:defRPr sz="1600" b="1"/>
            </a:lvl5pPr>
            <a:lvl6pPr marL="0" indent="0">
              <a:lnSpc>
                <a:spcPct val="100000"/>
              </a:lnSpc>
              <a:spcAft>
                <a:spcPts val="0"/>
              </a:spcAft>
              <a:buNone/>
              <a:defRPr sz="1600" b="1"/>
            </a:lvl6pPr>
            <a:lvl7pPr marL="0">
              <a:lnSpc>
                <a:spcPct val="100000"/>
              </a:lnSpc>
              <a:spcAft>
                <a:spcPts val="0"/>
              </a:spcAft>
              <a:buNone/>
              <a:defRPr sz="1600" b="1"/>
            </a:lvl7pPr>
            <a:lvl8pPr marL="0">
              <a:lnSpc>
                <a:spcPct val="100000"/>
              </a:lnSpc>
              <a:spcAft>
                <a:spcPts val="0"/>
              </a:spcAft>
              <a:buNone/>
              <a:defRPr sz="1600" b="1"/>
            </a:lvl8pPr>
            <a:lvl9pPr marL="0">
              <a:lnSpc>
                <a:spcPct val="100000"/>
              </a:lnSpc>
              <a:spcAft>
                <a:spcPts val="0"/>
              </a:spcAft>
              <a:buNone/>
              <a:defRPr sz="1600" b="1"/>
            </a:lvl9pPr>
          </a:lstStyle>
          <a:p>
            <a:pPr lvl="0"/>
            <a:r>
              <a:rPr lang="da-DK" noProof="0" dirty="0"/>
              <a:t>Klik for at indsætte navn</a:t>
            </a:r>
            <a:endParaRPr lang="da-DK" dirty="0"/>
          </a:p>
        </p:txBody>
      </p:sp>
      <p:sp>
        <p:nvSpPr>
          <p:cNvPr id="24" name="Pladsholder til tekst titel">
            <a:extLst>
              <a:ext uri="{FF2B5EF4-FFF2-40B4-BE49-F238E27FC236}">
                <a16:creationId xmlns:a16="http://schemas.microsoft.com/office/drawing/2014/main" id="{829D7A4F-734B-839A-2375-E0154A4684B9}"/>
              </a:ext>
            </a:extLst>
          </p:cNvPr>
          <p:cNvSpPr>
            <a:spLocks noGrp="1"/>
          </p:cNvSpPr>
          <p:nvPr>
            <p:ph type="body" sz="quarter" idx="21" hasCustomPrompt="1"/>
          </p:nvPr>
        </p:nvSpPr>
        <p:spPr>
          <a:xfrm>
            <a:off x="7729276" y="5333589"/>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itel</a:t>
            </a:r>
            <a:endParaRPr lang="da-DK" dirty="0"/>
          </a:p>
        </p:txBody>
      </p:sp>
      <p:sp>
        <p:nvSpPr>
          <p:cNvPr id="25" name="Pladsholder til tekst telefon">
            <a:extLst>
              <a:ext uri="{FF2B5EF4-FFF2-40B4-BE49-F238E27FC236}">
                <a16:creationId xmlns:a16="http://schemas.microsoft.com/office/drawing/2014/main" id="{8F488769-3123-F208-1EA9-05964E696AA1}"/>
              </a:ext>
            </a:extLst>
          </p:cNvPr>
          <p:cNvSpPr>
            <a:spLocks noGrp="1"/>
          </p:cNvSpPr>
          <p:nvPr>
            <p:ph type="body" sz="quarter" idx="22" hasCustomPrompt="1"/>
          </p:nvPr>
        </p:nvSpPr>
        <p:spPr>
          <a:xfrm>
            <a:off x="7729276" y="5568375"/>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elefon nr.</a:t>
            </a:r>
            <a:endParaRPr lang="da-DK" dirty="0"/>
          </a:p>
        </p:txBody>
      </p:sp>
      <p:sp>
        <p:nvSpPr>
          <p:cNvPr id="26" name="Pladsholder til tekst email">
            <a:extLst>
              <a:ext uri="{FF2B5EF4-FFF2-40B4-BE49-F238E27FC236}">
                <a16:creationId xmlns:a16="http://schemas.microsoft.com/office/drawing/2014/main" id="{F6F6DEF3-65D9-C270-60ED-08A37C620A66}"/>
              </a:ext>
            </a:extLst>
          </p:cNvPr>
          <p:cNvSpPr>
            <a:spLocks noGrp="1"/>
          </p:cNvSpPr>
          <p:nvPr>
            <p:ph type="body" sz="quarter" idx="23" hasCustomPrompt="1"/>
          </p:nvPr>
        </p:nvSpPr>
        <p:spPr>
          <a:xfrm>
            <a:off x="7729276" y="5765452"/>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e-mail</a:t>
            </a:r>
            <a:endParaRPr lang="da-DK" dirty="0"/>
          </a:p>
        </p:txBody>
      </p:sp>
    </p:spTree>
    <p:extLst>
      <p:ext uri="{BB962C8B-B14F-4D97-AF65-F5344CB8AC3E}">
        <p14:creationId xmlns:p14="http://schemas.microsoft.com/office/powerpoint/2010/main" val="2291675678"/>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8 Kontaktpersoner">
    <p:bg>
      <p:bgPr>
        <a:solidFill>
          <a:schemeClr val="bg2"/>
        </a:solidFill>
        <a:effectLst/>
      </p:bgPr>
    </p:bg>
    <p:spTree>
      <p:nvGrpSpPr>
        <p:cNvPr id="1" name=""/>
        <p:cNvGrpSpPr/>
        <p:nvPr/>
      </p:nvGrpSpPr>
      <p:grpSpPr>
        <a:xfrm>
          <a:off x="0" y="0"/>
          <a:ext cx="0" cy="0"/>
          <a:chOff x="0" y="0"/>
          <a:chExt cx="0" cy="0"/>
        </a:xfrm>
      </p:grpSpPr>
      <p:sp>
        <p:nvSpPr>
          <p:cNvPr id="4" name="Pladsholder til dato 3" hidden="1">
            <a:extLst>
              <a:ext uri="{FF2B5EF4-FFF2-40B4-BE49-F238E27FC236}">
                <a16:creationId xmlns:a16="http://schemas.microsoft.com/office/drawing/2014/main" id="{61C79CF3-B631-E8E3-051D-72B58828B346}"/>
              </a:ext>
            </a:extLst>
          </p:cNvPr>
          <p:cNvSpPr>
            <a:spLocks noGrp="1"/>
          </p:cNvSpPr>
          <p:nvPr>
            <p:ph type="dt" sz="half" idx="11"/>
          </p:nvPr>
        </p:nvSpPr>
        <p:spPr>
          <a:xfrm>
            <a:off x="0" y="6858000"/>
            <a:ext cx="0" cy="0"/>
          </a:xfrm>
          <a:prstGeom prst="rect">
            <a:avLst/>
          </a:prstGeom>
        </p:spPr>
        <p:txBody>
          <a:bodyPr/>
          <a:lstStyle/>
          <a:p>
            <a:fld id="{F62E5546-1801-4FB6-A052-41D15CA0BB48}"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54C20659-2A5B-B635-28CC-577FCE585D87}"/>
              </a:ext>
            </a:extLst>
          </p:cNvPr>
          <p:cNvSpPr>
            <a:spLocks noGrp="1"/>
          </p:cNvSpPr>
          <p:nvPr>
            <p:ph type="ftr" sz="quarter" idx="12"/>
          </p:nvPr>
        </p:nvSpPr>
        <p:spPr>
          <a:xfrm>
            <a:off x="0" y="6858000"/>
            <a:ext cx="0" cy="0"/>
          </a:xfrm>
          <a:prstGeom prst="rect">
            <a:avLst/>
          </a:prstGeom>
        </p:spPr>
        <p:txBody>
          <a:bodyPr/>
          <a:lstStyle/>
          <a:p>
            <a:endParaRPr lang="da-DK" dirty="0"/>
          </a:p>
        </p:txBody>
      </p:sp>
      <p:sp>
        <p:nvSpPr>
          <p:cNvPr id="3" name="Pladsholder til slidenummer 2" hidden="1">
            <a:extLst>
              <a:ext uri="{FF2B5EF4-FFF2-40B4-BE49-F238E27FC236}">
                <a16:creationId xmlns:a16="http://schemas.microsoft.com/office/drawing/2014/main" id="{8A2E37A7-0865-5D9D-8070-D263D29272F5}"/>
              </a:ext>
            </a:extLst>
          </p:cNvPr>
          <p:cNvSpPr>
            <a:spLocks noGrp="1"/>
          </p:cNvSpPr>
          <p:nvPr>
            <p:ph type="sldNum" sz="quarter" idx="10"/>
          </p:nvPr>
        </p:nvSpPr>
        <p:spPr>
          <a:xfrm>
            <a:off x="0" y="6858000"/>
            <a:ext cx="0" cy="0"/>
          </a:xfrm>
          <a:prstGeom prst="rect">
            <a:avLst/>
          </a:prstGeom>
        </p:spPr>
        <p:txBody>
          <a:bodyPr/>
          <a:lstStyle/>
          <a:p>
            <a:fld id="{24C8C45C-947F-4981-8B3F-4F32E973C901}" type="slidenum">
              <a:rPr lang="da-DK" smtClean="0"/>
              <a:pPr/>
              <a:t>‹#›</a:t>
            </a:fld>
            <a:endParaRPr lang="da-DK" dirty="0"/>
          </a:p>
        </p:txBody>
      </p:sp>
      <p:pic>
        <p:nvPicPr>
          <p:cNvPr id="10" name="grid småt" descr="Et billede, der indeholder tekst, skærmbillede, linje/række, Font/skrifttype&#10;&#10;Automatisk genereret beskrivelse" hidden="1">
            <a:extLst>
              <a:ext uri="{FF2B5EF4-FFF2-40B4-BE49-F238E27FC236}">
                <a16:creationId xmlns:a16="http://schemas.microsoft.com/office/drawing/2014/main" id="{3295CEEC-B8A1-194B-1079-0770A0029A60}"/>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Lst>
          </a:blip>
          <a:stretch>
            <a:fillRect/>
          </a:stretch>
        </p:blipFill>
        <p:spPr>
          <a:xfrm>
            <a:off x="0" y="363"/>
            <a:ext cx="12192000" cy="6857274"/>
          </a:xfrm>
          <a:prstGeom prst="rect">
            <a:avLst/>
          </a:prstGeom>
        </p:spPr>
      </p:pic>
      <p:pic>
        <p:nvPicPr>
          <p:cNvPr id="6" name="smid ud" hidden="1">
            <a:extLst>
              <a:ext uri="{FF2B5EF4-FFF2-40B4-BE49-F238E27FC236}">
                <a16:creationId xmlns:a16="http://schemas.microsoft.com/office/drawing/2014/main" id="{D011A325-68FE-5D85-4280-E37E0F9185A7}"/>
              </a:ext>
            </a:extLst>
          </p:cNvPr>
          <p:cNvPicPr>
            <a:picLocks noGrp="1" noRot="1" noChangeAspect="1" noMove="1" noResize="1" noEditPoints="1" noAdjustHandles="1" noChangeArrowheads="1" noChangeShapeType="1" noCrop="1"/>
          </p:cNvPicPr>
          <p:nvPr userDrawn="1"/>
        </p:nvPicPr>
        <p:blipFill>
          <a:blip r:embed="rId3">
            <a:extLst>
              <a:ext uri="{28A0092B-C50C-407E-A947-70E740481C1C}">
                <a14:useLocalDpi xmlns:a14="http://schemas.microsoft.com/office/drawing/2010/main" val="0"/>
              </a:ext>
            </a:extLst>
          </a:blip>
          <a:srcRect/>
          <a:stretch/>
        </p:blipFill>
        <p:spPr>
          <a:xfrm>
            <a:off x="763" y="428"/>
            <a:ext cx="12190474" cy="6857141"/>
          </a:xfrm>
          <a:prstGeom prst="rect">
            <a:avLst/>
          </a:prstGeom>
        </p:spPr>
      </p:pic>
      <p:sp>
        <p:nvSpPr>
          <p:cNvPr id="29" name="Billedepladsholder 1">
            <a:extLst>
              <a:ext uri="{FF2B5EF4-FFF2-40B4-BE49-F238E27FC236}">
                <a16:creationId xmlns:a16="http://schemas.microsoft.com/office/drawing/2014/main" id="{6971982E-4974-B284-D383-CBBB77B6EBCA}"/>
              </a:ext>
            </a:extLst>
          </p:cNvPr>
          <p:cNvSpPr>
            <a:spLocks noGrp="1"/>
          </p:cNvSpPr>
          <p:nvPr>
            <p:ph type="pic" sz="quarter" idx="14" hasCustomPrompt="1"/>
          </p:nvPr>
        </p:nvSpPr>
        <p:spPr>
          <a:xfrm>
            <a:off x="3683274"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30" name="Billedepladsholder 2">
            <a:extLst>
              <a:ext uri="{FF2B5EF4-FFF2-40B4-BE49-F238E27FC236}">
                <a16:creationId xmlns:a16="http://schemas.microsoft.com/office/drawing/2014/main" id="{88034DEB-A09C-B6AF-72F4-7AF1DCE52921}"/>
              </a:ext>
            </a:extLst>
          </p:cNvPr>
          <p:cNvSpPr>
            <a:spLocks noGrp="1"/>
          </p:cNvSpPr>
          <p:nvPr>
            <p:ph type="pic" sz="quarter" idx="20" hasCustomPrompt="1"/>
          </p:nvPr>
        </p:nvSpPr>
        <p:spPr>
          <a:xfrm>
            <a:off x="5715842"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35" name="Billedepladsholder 3">
            <a:extLst>
              <a:ext uri="{FF2B5EF4-FFF2-40B4-BE49-F238E27FC236}">
                <a16:creationId xmlns:a16="http://schemas.microsoft.com/office/drawing/2014/main" id="{1DB3B329-EFF8-2CE9-D20C-F0741A1FB845}"/>
              </a:ext>
            </a:extLst>
          </p:cNvPr>
          <p:cNvSpPr>
            <a:spLocks noGrp="1"/>
          </p:cNvSpPr>
          <p:nvPr>
            <p:ph type="pic" sz="quarter" idx="25" hasCustomPrompt="1"/>
          </p:nvPr>
        </p:nvSpPr>
        <p:spPr>
          <a:xfrm>
            <a:off x="7748000"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0" name="Billedepladsholder 5">
            <a:extLst>
              <a:ext uri="{FF2B5EF4-FFF2-40B4-BE49-F238E27FC236}">
                <a16:creationId xmlns:a16="http://schemas.microsoft.com/office/drawing/2014/main" id="{7F28C2A1-E2A7-AE2A-97D4-D330E0F8F1E9}"/>
              </a:ext>
            </a:extLst>
          </p:cNvPr>
          <p:cNvSpPr>
            <a:spLocks noGrp="1"/>
          </p:cNvSpPr>
          <p:nvPr>
            <p:ph type="pic" sz="quarter" idx="30" hasCustomPrompt="1"/>
          </p:nvPr>
        </p:nvSpPr>
        <p:spPr>
          <a:xfrm>
            <a:off x="9780977"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5" name="Billedepladsholder 6">
            <a:extLst>
              <a:ext uri="{FF2B5EF4-FFF2-40B4-BE49-F238E27FC236}">
                <a16:creationId xmlns:a16="http://schemas.microsoft.com/office/drawing/2014/main" id="{F8A4C92D-38AF-FA22-470D-D6C5CCBBAE30}"/>
              </a:ext>
            </a:extLst>
          </p:cNvPr>
          <p:cNvSpPr>
            <a:spLocks noGrp="1"/>
          </p:cNvSpPr>
          <p:nvPr>
            <p:ph type="pic" sz="quarter" idx="35" hasCustomPrompt="1"/>
          </p:nvPr>
        </p:nvSpPr>
        <p:spPr>
          <a:xfrm>
            <a:off x="3683274"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6" name="Billedepladsholder 7">
            <a:extLst>
              <a:ext uri="{FF2B5EF4-FFF2-40B4-BE49-F238E27FC236}">
                <a16:creationId xmlns:a16="http://schemas.microsoft.com/office/drawing/2014/main" id="{37DD0963-1982-A82D-5AF0-58D686B8C0FB}"/>
              </a:ext>
            </a:extLst>
          </p:cNvPr>
          <p:cNvSpPr>
            <a:spLocks noGrp="1"/>
          </p:cNvSpPr>
          <p:nvPr>
            <p:ph type="pic" sz="quarter" idx="36" hasCustomPrompt="1"/>
          </p:nvPr>
        </p:nvSpPr>
        <p:spPr>
          <a:xfrm>
            <a:off x="5715842"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7" name="Billedepladsholder 8">
            <a:extLst>
              <a:ext uri="{FF2B5EF4-FFF2-40B4-BE49-F238E27FC236}">
                <a16:creationId xmlns:a16="http://schemas.microsoft.com/office/drawing/2014/main" id="{14A5FC0D-0172-3D1B-D51C-AA39B361A595}"/>
              </a:ext>
            </a:extLst>
          </p:cNvPr>
          <p:cNvSpPr>
            <a:spLocks noGrp="1"/>
          </p:cNvSpPr>
          <p:nvPr>
            <p:ph type="pic" sz="quarter" idx="37" hasCustomPrompt="1"/>
          </p:nvPr>
        </p:nvSpPr>
        <p:spPr>
          <a:xfrm>
            <a:off x="7748000"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8" name="Billedepladsholder 9">
            <a:extLst>
              <a:ext uri="{FF2B5EF4-FFF2-40B4-BE49-F238E27FC236}">
                <a16:creationId xmlns:a16="http://schemas.microsoft.com/office/drawing/2014/main" id="{04BFF730-C1A6-26B6-7312-FB7186980B2E}"/>
              </a:ext>
            </a:extLst>
          </p:cNvPr>
          <p:cNvSpPr>
            <a:spLocks noGrp="1"/>
          </p:cNvSpPr>
          <p:nvPr>
            <p:ph type="pic" sz="quarter" idx="38" hasCustomPrompt="1"/>
          </p:nvPr>
        </p:nvSpPr>
        <p:spPr>
          <a:xfrm>
            <a:off x="9780977"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2" name="Titel 1">
            <a:extLst>
              <a:ext uri="{FF2B5EF4-FFF2-40B4-BE49-F238E27FC236}">
                <a16:creationId xmlns:a16="http://schemas.microsoft.com/office/drawing/2014/main" id="{9F85D3E7-D4BC-7BF4-9267-EBAA80F11F25}"/>
              </a:ext>
            </a:extLst>
          </p:cNvPr>
          <p:cNvSpPr>
            <a:spLocks noGrp="1"/>
          </p:cNvSpPr>
          <p:nvPr>
            <p:ph type="title" hasCustomPrompt="1"/>
          </p:nvPr>
        </p:nvSpPr>
        <p:spPr>
          <a:xfrm>
            <a:off x="648000" y="648000"/>
            <a:ext cx="10897200" cy="600697"/>
          </a:xfrm>
        </p:spPr>
        <p:txBody>
          <a:bodyPr/>
          <a:lstStyle>
            <a:lvl1pPr>
              <a:defRPr/>
            </a:lvl1pPr>
          </a:lstStyle>
          <a:p>
            <a:r>
              <a:rPr lang="da-DK" dirty="0"/>
              <a:t>Klik for at indsætte Kontaktpersoner</a:t>
            </a:r>
          </a:p>
        </p:txBody>
      </p:sp>
      <p:sp>
        <p:nvSpPr>
          <p:cNvPr id="8" name="Pladsholder til tekst 7">
            <a:extLst>
              <a:ext uri="{FF2B5EF4-FFF2-40B4-BE49-F238E27FC236}">
                <a16:creationId xmlns:a16="http://schemas.microsoft.com/office/drawing/2014/main" id="{3EE981BC-DD1C-C0DC-77DB-4FB9211CC57D}"/>
              </a:ext>
            </a:extLst>
          </p:cNvPr>
          <p:cNvSpPr>
            <a:spLocks noGrp="1"/>
          </p:cNvSpPr>
          <p:nvPr>
            <p:ph type="body" sz="quarter" idx="13" hasCustomPrompt="1"/>
          </p:nvPr>
        </p:nvSpPr>
        <p:spPr>
          <a:xfrm>
            <a:off x="647700" y="1501897"/>
            <a:ext cx="1858963" cy="2160000"/>
          </a:xfrm>
        </p:spPr>
        <p:txBody>
          <a:bodyPr/>
          <a:lstStyle>
            <a:lvl1pPr marL="0" indent="0">
              <a:lnSpc>
                <a:spcPct val="100000"/>
              </a:lnSpc>
              <a:spcAft>
                <a:spcPts val="600"/>
              </a:spcAft>
              <a:buFont typeface="Arial" panose="020B0604020202020204" pitchFamily="34" charset="0"/>
              <a:buChar char="​"/>
              <a:defRPr sz="1000"/>
            </a:lvl1pPr>
            <a:lvl2pPr marL="0" indent="0">
              <a:lnSpc>
                <a:spcPct val="100000"/>
              </a:lnSpc>
              <a:spcAft>
                <a:spcPts val="0"/>
              </a:spcAft>
              <a:buFont typeface="Arial" panose="020B0604020202020204" pitchFamily="34" charset="0"/>
              <a:buChar char="​"/>
              <a:defRPr sz="1000" b="1"/>
            </a:lvl2pPr>
            <a:lvl3pPr marL="90000" indent="-90000">
              <a:lnSpc>
                <a:spcPct val="100000"/>
              </a:lnSpc>
              <a:spcAft>
                <a:spcPts val="600"/>
              </a:spcAft>
              <a:defRPr sz="1000"/>
            </a:lvl3pPr>
            <a:lvl4pPr marL="180000" indent="-90000">
              <a:lnSpc>
                <a:spcPct val="100000"/>
              </a:lnSpc>
              <a:spcAft>
                <a:spcPts val="600"/>
              </a:spcAft>
              <a:buFont typeface="Arial" panose="020B0604020202020204" pitchFamily="34" charset="0"/>
              <a:buChar char="•"/>
              <a:defRPr sz="1000" b="0"/>
            </a:lvl4pPr>
            <a:lvl5pPr marL="270000" indent="-90000">
              <a:lnSpc>
                <a:spcPct val="100000"/>
              </a:lnSpc>
              <a:spcAft>
                <a:spcPts val="600"/>
              </a:spcAft>
              <a:buFont typeface="Arial" panose="020B0604020202020204" pitchFamily="34" charset="0"/>
              <a:buChar char="•"/>
              <a:defRPr sz="1000"/>
            </a:lvl5pPr>
            <a:lvl6pPr marL="180000" indent="-180000">
              <a:lnSpc>
                <a:spcPct val="93000"/>
              </a:lnSpc>
              <a:spcAft>
                <a:spcPts val="600"/>
              </a:spcAft>
              <a:defRPr sz="2000"/>
            </a:lvl6pPr>
            <a:lvl7pPr>
              <a:lnSpc>
                <a:spcPct val="93000"/>
              </a:lnSpc>
              <a:spcAft>
                <a:spcPts val="0"/>
              </a:spcAft>
              <a:defRPr sz="2000"/>
            </a:lvl7pPr>
            <a:lvl8pPr>
              <a:lnSpc>
                <a:spcPct val="93000"/>
              </a:lnSpc>
              <a:spcAft>
                <a:spcPts val="1200"/>
              </a:spcAft>
              <a:defRPr sz="2000"/>
            </a:lvl8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a:t>
            </a:r>
            <a:endParaRPr lang="da-DK" dirty="0"/>
          </a:p>
        </p:txBody>
      </p:sp>
      <p:sp>
        <p:nvSpPr>
          <p:cNvPr id="19" name="Pladsholder til tekst navn">
            <a:extLst>
              <a:ext uri="{FF2B5EF4-FFF2-40B4-BE49-F238E27FC236}">
                <a16:creationId xmlns:a16="http://schemas.microsoft.com/office/drawing/2014/main" id="{DDEC23B9-63B1-8BA7-FB58-088997549115}"/>
              </a:ext>
            </a:extLst>
          </p:cNvPr>
          <p:cNvSpPr>
            <a:spLocks noGrp="1"/>
          </p:cNvSpPr>
          <p:nvPr>
            <p:ph type="body" sz="quarter" idx="16" hasCustomPrompt="1"/>
          </p:nvPr>
        </p:nvSpPr>
        <p:spPr>
          <a:xfrm>
            <a:off x="3683274"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20" name="Pladsholder til tekst titel">
            <a:extLst>
              <a:ext uri="{FF2B5EF4-FFF2-40B4-BE49-F238E27FC236}">
                <a16:creationId xmlns:a16="http://schemas.microsoft.com/office/drawing/2014/main" id="{C3209B5F-30C5-BE84-44CC-333585A3BF76}"/>
              </a:ext>
            </a:extLst>
          </p:cNvPr>
          <p:cNvSpPr>
            <a:spLocks noGrp="1"/>
          </p:cNvSpPr>
          <p:nvPr>
            <p:ph type="body" sz="quarter" idx="17" hasCustomPrompt="1"/>
          </p:nvPr>
        </p:nvSpPr>
        <p:spPr>
          <a:xfrm>
            <a:off x="3683274"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21" name="Pladsholder til tekst telefon">
            <a:extLst>
              <a:ext uri="{FF2B5EF4-FFF2-40B4-BE49-F238E27FC236}">
                <a16:creationId xmlns:a16="http://schemas.microsoft.com/office/drawing/2014/main" id="{BF5FABDB-6367-759E-E4F7-D8432A45C49A}"/>
              </a:ext>
            </a:extLst>
          </p:cNvPr>
          <p:cNvSpPr>
            <a:spLocks noGrp="1"/>
          </p:cNvSpPr>
          <p:nvPr>
            <p:ph type="body" sz="quarter" idx="18" hasCustomPrompt="1"/>
          </p:nvPr>
        </p:nvSpPr>
        <p:spPr>
          <a:xfrm>
            <a:off x="3683274"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22" name="Pladsholder til tekst email">
            <a:extLst>
              <a:ext uri="{FF2B5EF4-FFF2-40B4-BE49-F238E27FC236}">
                <a16:creationId xmlns:a16="http://schemas.microsoft.com/office/drawing/2014/main" id="{A40AE11C-8823-76DC-0AD3-9E6501850242}"/>
              </a:ext>
            </a:extLst>
          </p:cNvPr>
          <p:cNvSpPr>
            <a:spLocks noGrp="1"/>
          </p:cNvSpPr>
          <p:nvPr>
            <p:ph type="body" sz="quarter" idx="19" hasCustomPrompt="1"/>
          </p:nvPr>
        </p:nvSpPr>
        <p:spPr>
          <a:xfrm>
            <a:off x="3683274"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31" name="Pladsholder til tekst navn">
            <a:extLst>
              <a:ext uri="{FF2B5EF4-FFF2-40B4-BE49-F238E27FC236}">
                <a16:creationId xmlns:a16="http://schemas.microsoft.com/office/drawing/2014/main" id="{7AF5FC5F-69FC-D428-5BE7-9370B292F759}"/>
              </a:ext>
            </a:extLst>
          </p:cNvPr>
          <p:cNvSpPr>
            <a:spLocks noGrp="1"/>
          </p:cNvSpPr>
          <p:nvPr>
            <p:ph type="body" sz="quarter" idx="21" hasCustomPrompt="1"/>
          </p:nvPr>
        </p:nvSpPr>
        <p:spPr>
          <a:xfrm>
            <a:off x="5715842"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32" name="Pladsholder til tekst titel">
            <a:extLst>
              <a:ext uri="{FF2B5EF4-FFF2-40B4-BE49-F238E27FC236}">
                <a16:creationId xmlns:a16="http://schemas.microsoft.com/office/drawing/2014/main" id="{303419BD-1ACC-9F1C-2C65-AAE5BD24242F}"/>
              </a:ext>
            </a:extLst>
          </p:cNvPr>
          <p:cNvSpPr>
            <a:spLocks noGrp="1"/>
          </p:cNvSpPr>
          <p:nvPr>
            <p:ph type="body" sz="quarter" idx="22" hasCustomPrompt="1"/>
          </p:nvPr>
        </p:nvSpPr>
        <p:spPr>
          <a:xfrm>
            <a:off x="5715842"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33" name="Pladsholder til tekst telefon">
            <a:extLst>
              <a:ext uri="{FF2B5EF4-FFF2-40B4-BE49-F238E27FC236}">
                <a16:creationId xmlns:a16="http://schemas.microsoft.com/office/drawing/2014/main" id="{4B8F2474-8241-8548-EA98-CE6CA98B3C7E}"/>
              </a:ext>
            </a:extLst>
          </p:cNvPr>
          <p:cNvSpPr>
            <a:spLocks noGrp="1"/>
          </p:cNvSpPr>
          <p:nvPr>
            <p:ph type="body" sz="quarter" idx="23" hasCustomPrompt="1"/>
          </p:nvPr>
        </p:nvSpPr>
        <p:spPr>
          <a:xfrm>
            <a:off x="5715842"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34" name="Pladsholder til tekst email">
            <a:extLst>
              <a:ext uri="{FF2B5EF4-FFF2-40B4-BE49-F238E27FC236}">
                <a16:creationId xmlns:a16="http://schemas.microsoft.com/office/drawing/2014/main" id="{D50DCBDA-5CB8-CCDF-2907-82D11E830C4A}"/>
              </a:ext>
            </a:extLst>
          </p:cNvPr>
          <p:cNvSpPr>
            <a:spLocks noGrp="1"/>
          </p:cNvSpPr>
          <p:nvPr>
            <p:ph type="body" sz="quarter" idx="24" hasCustomPrompt="1"/>
          </p:nvPr>
        </p:nvSpPr>
        <p:spPr>
          <a:xfrm>
            <a:off x="5715842"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36" name="Pladsholder til tekst navn">
            <a:extLst>
              <a:ext uri="{FF2B5EF4-FFF2-40B4-BE49-F238E27FC236}">
                <a16:creationId xmlns:a16="http://schemas.microsoft.com/office/drawing/2014/main" id="{920160E7-6ED1-3E72-227F-E94236A4C6CE}"/>
              </a:ext>
            </a:extLst>
          </p:cNvPr>
          <p:cNvSpPr>
            <a:spLocks noGrp="1"/>
          </p:cNvSpPr>
          <p:nvPr>
            <p:ph type="body" sz="quarter" idx="26" hasCustomPrompt="1"/>
          </p:nvPr>
        </p:nvSpPr>
        <p:spPr>
          <a:xfrm>
            <a:off x="7748000"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37" name="Pladsholder til tekst titel">
            <a:extLst>
              <a:ext uri="{FF2B5EF4-FFF2-40B4-BE49-F238E27FC236}">
                <a16:creationId xmlns:a16="http://schemas.microsoft.com/office/drawing/2014/main" id="{DF65F25A-90E8-EE26-D6F7-843E85CEBC2F}"/>
              </a:ext>
            </a:extLst>
          </p:cNvPr>
          <p:cNvSpPr>
            <a:spLocks noGrp="1"/>
          </p:cNvSpPr>
          <p:nvPr>
            <p:ph type="body" sz="quarter" idx="27" hasCustomPrompt="1"/>
          </p:nvPr>
        </p:nvSpPr>
        <p:spPr>
          <a:xfrm>
            <a:off x="7748000"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38" name="Pladsholder til tekst telefon">
            <a:extLst>
              <a:ext uri="{FF2B5EF4-FFF2-40B4-BE49-F238E27FC236}">
                <a16:creationId xmlns:a16="http://schemas.microsoft.com/office/drawing/2014/main" id="{A331EDAB-58A2-28AD-89F9-41103F16EAF9}"/>
              </a:ext>
            </a:extLst>
          </p:cNvPr>
          <p:cNvSpPr>
            <a:spLocks noGrp="1"/>
          </p:cNvSpPr>
          <p:nvPr>
            <p:ph type="body" sz="quarter" idx="28" hasCustomPrompt="1"/>
          </p:nvPr>
        </p:nvSpPr>
        <p:spPr>
          <a:xfrm>
            <a:off x="7748000"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39" name="Pladsholder til tekst email">
            <a:extLst>
              <a:ext uri="{FF2B5EF4-FFF2-40B4-BE49-F238E27FC236}">
                <a16:creationId xmlns:a16="http://schemas.microsoft.com/office/drawing/2014/main" id="{E9A7C2BF-43A6-509A-B1BD-CBFA75CA3FF8}"/>
              </a:ext>
            </a:extLst>
          </p:cNvPr>
          <p:cNvSpPr>
            <a:spLocks noGrp="1"/>
          </p:cNvSpPr>
          <p:nvPr>
            <p:ph type="body" sz="quarter" idx="29" hasCustomPrompt="1"/>
          </p:nvPr>
        </p:nvSpPr>
        <p:spPr>
          <a:xfrm>
            <a:off x="7748000"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41" name="Pladsholder til tekst navn">
            <a:extLst>
              <a:ext uri="{FF2B5EF4-FFF2-40B4-BE49-F238E27FC236}">
                <a16:creationId xmlns:a16="http://schemas.microsoft.com/office/drawing/2014/main" id="{89E01B39-9686-2A85-4C6C-A71C2DDF751C}"/>
              </a:ext>
            </a:extLst>
          </p:cNvPr>
          <p:cNvSpPr>
            <a:spLocks noGrp="1"/>
          </p:cNvSpPr>
          <p:nvPr>
            <p:ph type="body" sz="quarter" idx="31" hasCustomPrompt="1"/>
          </p:nvPr>
        </p:nvSpPr>
        <p:spPr>
          <a:xfrm>
            <a:off x="9780977"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42" name="Pladsholder til tekst titel">
            <a:extLst>
              <a:ext uri="{FF2B5EF4-FFF2-40B4-BE49-F238E27FC236}">
                <a16:creationId xmlns:a16="http://schemas.microsoft.com/office/drawing/2014/main" id="{7E736C66-F9F4-38BD-4566-82A58A9D1B31}"/>
              </a:ext>
            </a:extLst>
          </p:cNvPr>
          <p:cNvSpPr>
            <a:spLocks noGrp="1"/>
          </p:cNvSpPr>
          <p:nvPr>
            <p:ph type="body" sz="quarter" idx="32" hasCustomPrompt="1"/>
          </p:nvPr>
        </p:nvSpPr>
        <p:spPr>
          <a:xfrm>
            <a:off x="9780977"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43" name="Pladsholder til tekst telefon">
            <a:extLst>
              <a:ext uri="{FF2B5EF4-FFF2-40B4-BE49-F238E27FC236}">
                <a16:creationId xmlns:a16="http://schemas.microsoft.com/office/drawing/2014/main" id="{4C1F4AC3-BC20-CEB5-62E5-4FF7C4085A15}"/>
              </a:ext>
            </a:extLst>
          </p:cNvPr>
          <p:cNvSpPr>
            <a:spLocks noGrp="1"/>
          </p:cNvSpPr>
          <p:nvPr>
            <p:ph type="body" sz="quarter" idx="33" hasCustomPrompt="1"/>
          </p:nvPr>
        </p:nvSpPr>
        <p:spPr>
          <a:xfrm>
            <a:off x="9780977"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44" name="Pladsholder til tekst email">
            <a:extLst>
              <a:ext uri="{FF2B5EF4-FFF2-40B4-BE49-F238E27FC236}">
                <a16:creationId xmlns:a16="http://schemas.microsoft.com/office/drawing/2014/main" id="{9174F344-0B5E-994B-E79C-9E0BB38E7275}"/>
              </a:ext>
            </a:extLst>
          </p:cNvPr>
          <p:cNvSpPr>
            <a:spLocks noGrp="1"/>
          </p:cNvSpPr>
          <p:nvPr>
            <p:ph type="body" sz="quarter" idx="34" hasCustomPrompt="1"/>
          </p:nvPr>
        </p:nvSpPr>
        <p:spPr>
          <a:xfrm>
            <a:off x="9780977"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49" name="Pladsholder til tekst navn">
            <a:extLst>
              <a:ext uri="{FF2B5EF4-FFF2-40B4-BE49-F238E27FC236}">
                <a16:creationId xmlns:a16="http://schemas.microsoft.com/office/drawing/2014/main" id="{8432BB7C-8FF8-4C5B-1D49-F4C91B849C5F}"/>
              </a:ext>
            </a:extLst>
          </p:cNvPr>
          <p:cNvSpPr>
            <a:spLocks noGrp="1"/>
          </p:cNvSpPr>
          <p:nvPr>
            <p:ph type="body" sz="quarter" idx="39" hasCustomPrompt="1"/>
          </p:nvPr>
        </p:nvSpPr>
        <p:spPr>
          <a:xfrm>
            <a:off x="3683274"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0" name="Pladsholder til tekst titel">
            <a:extLst>
              <a:ext uri="{FF2B5EF4-FFF2-40B4-BE49-F238E27FC236}">
                <a16:creationId xmlns:a16="http://schemas.microsoft.com/office/drawing/2014/main" id="{331A4753-0F4F-6447-9D4E-42B1AD57CC46}"/>
              </a:ext>
            </a:extLst>
          </p:cNvPr>
          <p:cNvSpPr>
            <a:spLocks noGrp="1"/>
          </p:cNvSpPr>
          <p:nvPr>
            <p:ph type="body" sz="quarter" idx="40" hasCustomPrompt="1"/>
          </p:nvPr>
        </p:nvSpPr>
        <p:spPr>
          <a:xfrm>
            <a:off x="3683274"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1" name="Pladsholder til tekst telefon">
            <a:extLst>
              <a:ext uri="{FF2B5EF4-FFF2-40B4-BE49-F238E27FC236}">
                <a16:creationId xmlns:a16="http://schemas.microsoft.com/office/drawing/2014/main" id="{938027F6-4E6A-2776-F904-DB81D5A7F588}"/>
              </a:ext>
            </a:extLst>
          </p:cNvPr>
          <p:cNvSpPr>
            <a:spLocks noGrp="1"/>
          </p:cNvSpPr>
          <p:nvPr>
            <p:ph type="body" sz="quarter" idx="41" hasCustomPrompt="1"/>
          </p:nvPr>
        </p:nvSpPr>
        <p:spPr>
          <a:xfrm>
            <a:off x="3683274"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52" name="Pladsholder til tekst email">
            <a:extLst>
              <a:ext uri="{FF2B5EF4-FFF2-40B4-BE49-F238E27FC236}">
                <a16:creationId xmlns:a16="http://schemas.microsoft.com/office/drawing/2014/main" id="{5F816DA7-6027-0DE1-4B5B-C4C530ABFA99}"/>
              </a:ext>
            </a:extLst>
          </p:cNvPr>
          <p:cNvSpPr>
            <a:spLocks noGrp="1"/>
          </p:cNvSpPr>
          <p:nvPr>
            <p:ph type="body" sz="quarter" idx="42" hasCustomPrompt="1"/>
          </p:nvPr>
        </p:nvSpPr>
        <p:spPr>
          <a:xfrm>
            <a:off x="3683274"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53" name="Pladsholder til tekst navn">
            <a:extLst>
              <a:ext uri="{FF2B5EF4-FFF2-40B4-BE49-F238E27FC236}">
                <a16:creationId xmlns:a16="http://schemas.microsoft.com/office/drawing/2014/main" id="{106F6799-AB94-A6B6-2EA5-B2186191683A}"/>
              </a:ext>
            </a:extLst>
          </p:cNvPr>
          <p:cNvSpPr>
            <a:spLocks noGrp="1"/>
          </p:cNvSpPr>
          <p:nvPr>
            <p:ph type="body" sz="quarter" idx="43" hasCustomPrompt="1"/>
          </p:nvPr>
        </p:nvSpPr>
        <p:spPr>
          <a:xfrm>
            <a:off x="5715842"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4" name="Pladsholder til tekst titel">
            <a:extLst>
              <a:ext uri="{FF2B5EF4-FFF2-40B4-BE49-F238E27FC236}">
                <a16:creationId xmlns:a16="http://schemas.microsoft.com/office/drawing/2014/main" id="{D8500375-766E-C0ED-EC8F-763C54FB4AA2}"/>
              </a:ext>
            </a:extLst>
          </p:cNvPr>
          <p:cNvSpPr>
            <a:spLocks noGrp="1"/>
          </p:cNvSpPr>
          <p:nvPr>
            <p:ph type="body" sz="quarter" idx="44" hasCustomPrompt="1"/>
          </p:nvPr>
        </p:nvSpPr>
        <p:spPr>
          <a:xfrm>
            <a:off x="5715842"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5" name="Pladsholder til tekst telefon">
            <a:extLst>
              <a:ext uri="{FF2B5EF4-FFF2-40B4-BE49-F238E27FC236}">
                <a16:creationId xmlns:a16="http://schemas.microsoft.com/office/drawing/2014/main" id="{E39F80E4-7B49-768B-2732-A83AEC9A6A3F}"/>
              </a:ext>
            </a:extLst>
          </p:cNvPr>
          <p:cNvSpPr>
            <a:spLocks noGrp="1"/>
          </p:cNvSpPr>
          <p:nvPr>
            <p:ph type="body" sz="quarter" idx="45" hasCustomPrompt="1"/>
          </p:nvPr>
        </p:nvSpPr>
        <p:spPr>
          <a:xfrm>
            <a:off x="5715842"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56" name="Pladsholder til tekst email">
            <a:extLst>
              <a:ext uri="{FF2B5EF4-FFF2-40B4-BE49-F238E27FC236}">
                <a16:creationId xmlns:a16="http://schemas.microsoft.com/office/drawing/2014/main" id="{188D0902-6190-B9B1-CB44-973DC8CD6F37}"/>
              </a:ext>
            </a:extLst>
          </p:cNvPr>
          <p:cNvSpPr>
            <a:spLocks noGrp="1"/>
          </p:cNvSpPr>
          <p:nvPr>
            <p:ph type="body" sz="quarter" idx="46" hasCustomPrompt="1"/>
          </p:nvPr>
        </p:nvSpPr>
        <p:spPr>
          <a:xfrm>
            <a:off x="5715842"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57" name="Pladsholder til tekst navn">
            <a:extLst>
              <a:ext uri="{FF2B5EF4-FFF2-40B4-BE49-F238E27FC236}">
                <a16:creationId xmlns:a16="http://schemas.microsoft.com/office/drawing/2014/main" id="{85DC99C2-7071-892E-C4C2-45472FE764B8}"/>
              </a:ext>
            </a:extLst>
          </p:cNvPr>
          <p:cNvSpPr>
            <a:spLocks noGrp="1"/>
          </p:cNvSpPr>
          <p:nvPr>
            <p:ph type="body" sz="quarter" idx="47" hasCustomPrompt="1"/>
          </p:nvPr>
        </p:nvSpPr>
        <p:spPr>
          <a:xfrm>
            <a:off x="7748000"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8" name="Pladsholder til tekst titel">
            <a:extLst>
              <a:ext uri="{FF2B5EF4-FFF2-40B4-BE49-F238E27FC236}">
                <a16:creationId xmlns:a16="http://schemas.microsoft.com/office/drawing/2014/main" id="{A2E967C9-3226-CDB4-EA4D-9B6D0C5E2A24}"/>
              </a:ext>
            </a:extLst>
          </p:cNvPr>
          <p:cNvSpPr>
            <a:spLocks noGrp="1"/>
          </p:cNvSpPr>
          <p:nvPr>
            <p:ph type="body" sz="quarter" idx="48" hasCustomPrompt="1"/>
          </p:nvPr>
        </p:nvSpPr>
        <p:spPr>
          <a:xfrm>
            <a:off x="7748000"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9" name="Pladsholder til tekst telefon">
            <a:extLst>
              <a:ext uri="{FF2B5EF4-FFF2-40B4-BE49-F238E27FC236}">
                <a16:creationId xmlns:a16="http://schemas.microsoft.com/office/drawing/2014/main" id="{C31F4BB1-07AC-88F2-BD8C-51370CDA5666}"/>
              </a:ext>
            </a:extLst>
          </p:cNvPr>
          <p:cNvSpPr>
            <a:spLocks noGrp="1"/>
          </p:cNvSpPr>
          <p:nvPr>
            <p:ph type="body" sz="quarter" idx="49" hasCustomPrompt="1"/>
          </p:nvPr>
        </p:nvSpPr>
        <p:spPr>
          <a:xfrm>
            <a:off x="7748000"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60" name="Pladsholder til tekst email">
            <a:extLst>
              <a:ext uri="{FF2B5EF4-FFF2-40B4-BE49-F238E27FC236}">
                <a16:creationId xmlns:a16="http://schemas.microsoft.com/office/drawing/2014/main" id="{1E4B9B18-3A05-58D6-2B27-C3F8AEF05979}"/>
              </a:ext>
            </a:extLst>
          </p:cNvPr>
          <p:cNvSpPr>
            <a:spLocks noGrp="1"/>
          </p:cNvSpPr>
          <p:nvPr>
            <p:ph type="body" sz="quarter" idx="50" hasCustomPrompt="1"/>
          </p:nvPr>
        </p:nvSpPr>
        <p:spPr>
          <a:xfrm>
            <a:off x="7748000"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61" name="Pladsholder til tekst navn">
            <a:extLst>
              <a:ext uri="{FF2B5EF4-FFF2-40B4-BE49-F238E27FC236}">
                <a16:creationId xmlns:a16="http://schemas.microsoft.com/office/drawing/2014/main" id="{F49CA797-098A-8C23-D937-D0988C7A9E1B}"/>
              </a:ext>
            </a:extLst>
          </p:cNvPr>
          <p:cNvSpPr>
            <a:spLocks noGrp="1"/>
          </p:cNvSpPr>
          <p:nvPr>
            <p:ph type="body" sz="quarter" idx="51" hasCustomPrompt="1"/>
          </p:nvPr>
        </p:nvSpPr>
        <p:spPr>
          <a:xfrm>
            <a:off x="9780977"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62" name="Pladsholder til tekst titel">
            <a:extLst>
              <a:ext uri="{FF2B5EF4-FFF2-40B4-BE49-F238E27FC236}">
                <a16:creationId xmlns:a16="http://schemas.microsoft.com/office/drawing/2014/main" id="{0363CF2B-31E5-06B8-12F7-6CDE00B0BACA}"/>
              </a:ext>
            </a:extLst>
          </p:cNvPr>
          <p:cNvSpPr>
            <a:spLocks noGrp="1"/>
          </p:cNvSpPr>
          <p:nvPr>
            <p:ph type="body" sz="quarter" idx="52" hasCustomPrompt="1"/>
          </p:nvPr>
        </p:nvSpPr>
        <p:spPr>
          <a:xfrm>
            <a:off x="9780977"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63" name="Pladsholder til tekst telefon">
            <a:extLst>
              <a:ext uri="{FF2B5EF4-FFF2-40B4-BE49-F238E27FC236}">
                <a16:creationId xmlns:a16="http://schemas.microsoft.com/office/drawing/2014/main" id="{5EDB1C35-FE4F-EE6B-663C-12899B61B1BB}"/>
              </a:ext>
            </a:extLst>
          </p:cNvPr>
          <p:cNvSpPr>
            <a:spLocks noGrp="1"/>
          </p:cNvSpPr>
          <p:nvPr>
            <p:ph type="body" sz="quarter" idx="53" hasCustomPrompt="1"/>
          </p:nvPr>
        </p:nvSpPr>
        <p:spPr>
          <a:xfrm>
            <a:off x="9780977"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64" name="Pladsholder til tekst email">
            <a:extLst>
              <a:ext uri="{FF2B5EF4-FFF2-40B4-BE49-F238E27FC236}">
                <a16:creationId xmlns:a16="http://schemas.microsoft.com/office/drawing/2014/main" id="{5DAD35C9-BE12-B632-7CB3-900FC3DCE595}"/>
              </a:ext>
            </a:extLst>
          </p:cNvPr>
          <p:cNvSpPr>
            <a:spLocks noGrp="1"/>
          </p:cNvSpPr>
          <p:nvPr>
            <p:ph type="body" sz="quarter" idx="54" hasCustomPrompt="1"/>
          </p:nvPr>
        </p:nvSpPr>
        <p:spPr>
          <a:xfrm>
            <a:off x="9780977"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Tree>
    <p:extLst>
      <p:ext uri="{BB962C8B-B14F-4D97-AF65-F5344CB8AC3E}">
        <p14:creationId xmlns:p14="http://schemas.microsoft.com/office/powerpoint/2010/main" val="3217270977"/>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Afslutning">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F4854BEB-E42B-41CA-9C2A-29C2A5ED8DE1}" type="datetime2">
              <a:rPr lang="da-DK" smtClean="0"/>
              <a:t>11.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pic>
        <p:nvPicPr>
          <p:cNvPr id="5" name="Billede 4" descr="Et billede, der indeholder tekst, skærmbillede, Font/skrifttype, Grafik&#10;&#10;Automatisk genereret beskrivelse" hidden="1">
            <a:extLst>
              <a:ext uri="{FF2B5EF4-FFF2-40B4-BE49-F238E27FC236}">
                <a16:creationId xmlns:a16="http://schemas.microsoft.com/office/drawing/2014/main" id="{ADCC5258-33C0-3757-42A9-281F183866AE}"/>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428"/>
            <a:ext cx="12192000" cy="6857143"/>
          </a:xfrm>
          <a:prstGeom prst="rect">
            <a:avLst/>
          </a:prstGeom>
        </p:spPr>
      </p:pic>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24000" rIns="360000" bIns="360000" anchor="ctr" anchorCtr="0">
            <a:noAutofit/>
          </a:bodyPr>
          <a:lstStyle>
            <a:lvl1pPr algn="ctr">
              <a:lnSpc>
                <a:spcPct val="100000"/>
              </a:lnSpc>
              <a:defRPr sz="9600" b="0">
                <a:solidFill>
                  <a:schemeClr val="accent1"/>
                </a:solidFill>
              </a:defRPr>
            </a:lvl1pPr>
          </a:lstStyle>
          <a:p>
            <a:r>
              <a:rPr lang="da-DK" dirty="0"/>
              <a:t>Klik og tilføj titel</a:t>
            </a:r>
          </a:p>
        </p:txBody>
      </p:sp>
    </p:spTree>
    <p:extLst>
      <p:ext uri="{BB962C8B-B14F-4D97-AF65-F5344CB8AC3E}">
        <p14:creationId xmlns:p14="http://schemas.microsoft.com/office/powerpoint/2010/main" val="1234613406"/>
      </p:ext>
    </p:extLst>
  </p:cSld>
  <p:clrMapOvr>
    <a:overrideClrMapping bg1="lt1" tx1="dk1" bg2="lt2" tx2="dk2" accent1="accent1" accent2="accent2" accent3="accent3" accent4="accent4" accent5="accent5" accent6="accent6" hlink="hlink" folHlink="folHlink"/>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Kun titel">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p:txBody>
          <a:bodyPr/>
          <a:lstStyle/>
          <a:p>
            <a:r>
              <a:rPr lang="da-DK" dirty="0"/>
              <a:t>Klik for at indsætte overskrift – max. to linjer</a:t>
            </a:r>
          </a:p>
        </p:txBody>
      </p:sp>
      <p:sp>
        <p:nvSpPr>
          <p:cNvPr id="4" name="Pladsholder til dato 3" hidden="1">
            <a:extLst>
              <a:ext uri="{FF2B5EF4-FFF2-40B4-BE49-F238E27FC236}">
                <a16:creationId xmlns:a16="http://schemas.microsoft.com/office/drawing/2014/main" id="{41AAE7BC-9CE9-8428-7088-3A1B95E44BCB}"/>
              </a:ext>
            </a:extLst>
          </p:cNvPr>
          <p:cNvSpPr>
            <a:spLocks noGrp="1"/>
          </p:cNvSpPr>
          <p:nvPr>
            <p:ph type="dt" sz="half" idx="10"/>
          </p:nvPr>
        </p:nvSpPr>
        <p:spPr/>
        <p:txBody>
          <a:bodyPr/>
          <a:lstStyle/>
          <a:p>
            <a:fld id="{B4B7080B-A33B-4641-8B4F-80303CCAA72E}"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3C931EAA-DE0A-C464-7790-14511D235909}"/>
              </a:ext>
            </a:extLst>
          </p:cNvPr>
          <p:cNvSpPr>
            <a:spLocks noGrp="1"/>
          </p:cNvSpPr>
          <p:nvPr>
            <p:ph type="ftr" sz="quarter" idx="11"/>
          </p:nvPr>
        </p:nvSpPr>
        <p:spPr/>
        <p:txBody>
          <a:bodyPr/>
          <a:lstStyle/>
          <a:p>
            <a:endParaRPr lang="da-DK" dirty="0"/>
          </a:p>
        </p:txBody>
      </p:sp>
      <p:sp>
        <p:nvSpPr>
          <p:cNvPr id="9" name="Pladsholder til slidenummer 8" hidden="1">
            <a:extLst>
              <a:ext uri="{FF2B5EF4-FFF2-40B4-BE49-F238E27FC236}">
                <a16:creationId xmlns:a16="http://schemas.microsoft.com/office/drawing/2014/main" id="{8D0BC6D1-031B-BA63-1BDA-490CF8522FD0}"/>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799541051"/>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Kun titel hvid baggr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p:txBody>
          <a:bodyPr/>
          <a:lstStyle/>
          <a:p>
            <a:r>
              <a:rPr lang="da-DK" dirty="0"/>
              <a:t>Klik for at indsætte overskrift – max. to linjer</a:t>
            </a:r>
          </a:p>
        </p:txBody>
      </p:sp>
      <p:sp>
        <p:nvSpPr>
          <p:cNvPr id="4" name="Pladsholder til dato 3" hidden="1">
            <a:extLst>
              <a:ext uri="{FF2B5EF4-FFF2-40B4-BE49-F238E27FC236}">
                <a16:creationId xmlns:a16="http://schemas.microsoft.com/office/drawing/2014/main" id="{443992CA-9B9C-E98F-9158-21A1E13D4683}"/>
              </a:ext>
            </a:extLst>
          </p:cNvPr>
          <p:cNvSpPr>
            <a:spLocks noGrp="1"/>
          </p:cNvSpPr>
          <p:nvPr>
            <p:ph type="dt" sz="half" idx="10"/>
          </p:nvPr>
        </p:nvSpPr>
        <p:spPr/>
        <p:txBody>
          <a:bodyPr/>
          <a:lstStyle/>
          <a:p>
            <a:fld id="{8C389154-4CF1-4174-B8D6-25ABA5D8CB34}"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6E3D451E-3DC3-BEA9-5353-74353F07362D}"/>
              </a:ext>
            </a:extLst>
          </p:cNvPr>
          <p:cNvSpPr>
            <a:spLocks noGrp="1"/>
          </p:cNvSpPr>
          <p:nvPr>
            <p:ph type="ftr" sz="quarter" idx="11"/>
          </p:nvPr>
        </p:nvSpPr>
        <p:spPr/>
        <p:txBody>
          <a:bodyPr/>
          <a:lstStyle/>
          <a:p>
            <a:endParaRPr lang="da-DK" dirty="0"/>
          </a:p>
        </p:txBody>
      </p:sp>
      <p:sp>
        <p:nvSpPr>
          <p:cNvPr id="9" name="Pladsholder til slidenummer 8" hidden="1">
            <a:extLst>
              <a:ext uri="{FF2B5EF4-FFF2-40B4-BE49-F238E27FC236}">
                <a16:creationId xmlns:a16="http://schemas.microsoft.com/office/drawing/2014/main" id="{E73EC7A4-7B62-48FD-120C-CF5D0EBAA099}"/>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931777501"/>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Titel og undertitel">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a:xfrm>
            <a:off x="648000" y="648000"/>
            <a:ext cx="10897200" cy="520400"/>
          </a:xfrm>
        </p:spPr>
        <p:txBody>
          <a:bodyPr/>
          <a:lstStyle>
            <a:lvl1pPr>
              <a:defRPr/>
            </a:lvl1pPr>
          </a:lstStyle>
          <a:p>
            <a:r>
              <a:rPr lang="da-DK" dirty="0"/>
              <a:t>Klik for at indsætte overskrift – max. en linje</a:t>
            </a:r>
          </a:p>
        </p:txBody>
      </p:sp>
      <p:sp>
        <p:nvSpPr>
          <p:cNvPr id="3" name="Subtitle 2">
            <a:extLst>
              <a:ext uri="{FF2B5EF4-FFF2-40B4-BE49-F238E27FC236}">
                <a16:creationId xmlns:a16="http://schemas.microsoft.com/office/drawing/2014/main" id="{1E69654E-8990-E473-756B-16C7AD7D880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4" name="Pladsholder til dato 3" hidden="1">
            <a:extLst>
              <a:ext uri="{FF2B5EF4-FFF2-40B4-BE49-F238E27FC236}">
                <a16:creationId xmlns:a16="http://schemas.microsoft.com/office/drawing/2014/main" id="{6B04E191-15FC-79B1-0C57-DA7373BCFCA1}"/>
              </a:ext>
            </a:extLst>
          </p:cNvPr>
          <p:cNvSpPr>
            <a:spLocks noGrp="1"/>
          </p:cNvSpPr>
          <p:nvPr>
            <p:ph type="dt" sz="half" idx="14"/>
          </p:nvPr>
        </p:nvSpPr>
        <p:spPr/>
        <p:txBody>
          <a:bodyPr/>
          <a:lstStyle/>
          <a:p>
            <a:fld id="{F52769B8-46DD-439F-B943-03C6F320319F}"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9344B964-0F17-0DA7-F003-EDF58C805E1D}"/>
              </a:ext>
            </a:extLst>
          </p:cNvPr>
          <p:cNvSpPr>
            <a:spLocks noGrp="1"/>
          </p:cNvSpPr>
          <p:nvPr>
            <p:ph type="ftr" sz="quarter" idx="15"/>
          </p:nvPr>
        </p:nvSpPr>
        <p:spPr/>
        <p:txBody>
          <a:bodyPr/>
          <a:lstStyle/>
          <a:p>
            <a:endParaRPr lang="da-DK" dirty="0"/>
          </a:p>
        </p:txBody>
      </p:sp>
      <p:sp>
        <p:nvSpPr>
          <p:cNvPr id="9" name="Pladsholder til slidenummer 8" hidden="1">
            <a:extLst>
              <a:ext uri="{FF2B5EF4-FFF2-40B4-BE49-F238E27FC236}">
                <a16:creationId xmlns:a16="http://schemas.microsoft.com/office/drawing/2014/main" id="{968F98C7-5451-B927-5566-D4FF21E24C74}"/>
              </a:ext>
            </a:extLst>
          </p:cNvPr>
          <p:cNvSpPr>
            <a:spLocks noGrp="1"/>
          </p:cNvSpPr>
          <p:nvPr>
            <p:ph type="sldNum" sz="quarter" idx="16"/>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847627374"/>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Titel og undertitel hvid baggr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a:xfrm>
            <a:off x="648000" y="648000"/>
            <a:ext cx="10897200" cy="533100"/>
          </a:xfrm>
        </p:spPr>
        <p:txBody>
          <a:bodyPr/>
          <a:lstStyle>
            <a:lvl1pPr>
              <a:defRPr/>
            </a:lvl1pPr>
          </a:lstStyle>
          <a:p>
            <a:r>
              <a:rPr lang="da-DK" dirty="0"/>
              <a:t>Klik for at indsætte overskrift – max. en linje</a:t>
            </a:r>
          </a:p>
        </p:txBody>
      </p:sp>
      <p:sp>
        <p:nvSpPr>
          <p:cNvPr id="3" name="Subtitle 2">
            <a:extLst>
              <a:ext uri="{FF2B5EF4-FFF2-40B4-BE49-F238E27FC236}">
                <a16:creationId xmlns:a16="http://schemas.microsoft.com/office/drawing/2014/main" id="{9CE971E7-E9A6-5F46-76A9-6772A8A82456}"/>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4" name="Pladsholder til dato 3" hidden="1">
            <a:extLst>
              <a:ext uri="{FF2B5EF4-FFF2-40B4-BE49-F238E27FC236}">
                <a16:creationId xmlns:a16="http://schemas.microsoft.com/office/drawing/2014/main" id="{AD7DC154-B3C3-53BC-1D63-20E5281D509A}"/>
              </a:ext>
            </a:extLst>
          </p:cNvPr>
          <p:cNvSpPr>
            <a:spLocks noGrp="1"/>
          </p:cNvSpPr>
          <p:nvPr>
            <p:ph type="dt" sz="half" idx="14"/>
          </p:nvPr>
        </p:nvSpPr>
        <p:spPr/>
        <p:txBody>
          <a:bodyPr/>
          <a:lstStyle/>
          <a:p>
            <a:fld id="{B544925F-5445-4B8E-9D16-CB89C0D77AC9}" type="datetime2">
              <a:rPr lang="da-DK" smtClean="0"/>
              <a:t>11. september 2024</a:t>
            </a:fld>
            <a:endParaRPr lang="da-DK" dirty="0"/>
          </a:p>
        </p:txBody>
      </p:sp>
      <p:sp>
        <p:nvSpPr>
          <p:cNvPr id="5" name="Pladsholder til sidefod 4" hidden="1">
            <a:extLst>
              <a:ext uri="{FF2B5EF4-FFF2-40B4-BE49-F238E27FC236}">
                <a16:creationId xmlns:a16="http://schemas.microsoft.com/office/drawing/2014/main" id="{704AB3EB-C0A9-4AE3-DF38-0724801F3535}"/>
              </a:ext>
            </a:extLst>
          </p:cNvPr>
          <p:cNvSpPr>
            <a:spLocks noGrp="1"/>
          </p:cNvSpPr>
          <p:nvPr>
            <p:ph type="ftr" sz="quarter" idx="15"/>
          </p:nvPr>
        </p:nvSpPr>
        <p:spPr/>
        <p:txBody>
          <a:bodyPr/>
          <a:lstStyle/>
          <a:p>
            <a:endParaRPr lang="da-DK" dirty="0"/>
          </a:p>
        </p:txBody>
      </p:sp>
      <p:sp>
        <p:nvSpPr>
          <p:cNvPr id="9" name="Pladsholder til slidenummer 8" hidden="1">
            <a:extLst>
              <a:ext uri="{FF2B5EF4-FFF2-40B4-BE49-F238E27FC236}">
                <a16:creationId xmlns:a16="http://schemas.microsoft.com/office/drawing/2014/main" id="{7D141EC6-70F0-0B33-1F49-71B8218C7874}"/>
              </a:ext>
            </a:extLst>
          </p:cNvPr>
          <p:cNvSpPr>
            <a:spLocks noGrp="1"/>
          </p:cNvSpPr>
          <p:nvPr>
            <p:ph type="sldNum" sz="quarter" idx="16"/>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35005660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Forside animation A">
    <p:bg>
      <p:bgPr>
        <a:solidFill>
          <a:schemeClr val="accent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064EB2C-1CD1-4D10-855F-3A578564A60D}" type="datetime2">
              <a:rPr lang="da-DK" smtClean="0"/>
              <a:t>11. september 2024</a:t>
            </a:fld>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grpSp>
        <p:nvGrpSpPr>
          <p:cNvPr id="14" name="Group 58">
            <a:extLst>
              <a:ext uri="{FF2B5EF4-FFF2-40B4-BE49-F238E27FC236}">
                <a16:creationId xmlns:a16="http://schemas.microsoft.com/office/drawing/2014/main" id="{6DDFF541-6CCC-D3E8-D9B9-FBEB2F3A2FF1}"/>
              </a:ext>
            </a:extLst>
          </p:cNvPr>
          <p:cNvGrpSpPr/>
          <p:nvPr userDrawn="1"/>
        </p:nvGrpSpPr>
        <p:grpSpPr>
          <a:xfrm>
            <a:off x="1857489" y="3761682"/>
            <a:ext cx="1817000" cy="1111735"/>
            <a:chOff x="7918183" y="1759240"/>
            <a:chExt cx="1670583" cy="1532511"/>
          </a:xfrm>
          <a:solidFill>
            <a:srgbClr val="0F2A48"/>
          </a:solidFill>
        </p:grpSpPr>
        <p:sp>
          <p:nvSpPr>
            <p:cNvPr id="15" name="Rectangle: Rounded Corners 59">
              <a:extLst>
                <a:ext uri="{FF2B5EF4-FFF2-40B4-BE49-F238E27FC236}">
                  <a16:creationId xmlns:a16="http://schemas.microsoft.com/office/drawing/2014/main" id="{91945049-B940-A2AB-288A-ACF563FC674F}"/>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16" name="Rectangle 60">
              <a:extLst>
                <a:ext uri="{FF2B5EF4-FFF2-40B4-BE49-F238E27FC236}">
                  <a16:creationId xmlns:a16="http://schemas.microsoft.com/office/drawing/2014/main" id="{430B9163-EF65-92AE-BBFB-A0FCF45ED020}"/>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8" name="Group 58">
            <a:extLst>
              <a:ext uri="{FF2B5EF4-FFF2-40B4-BE49-F238E27FC236}">
                <a16:creationId xmlns:a16="http://schemas.microsoft.com/office/drawing/2014/main" id="{9D88B4A7-2CE1-0D09-C5F0-C50C209DE9B7}"/>
              </a:ext>
            </a:extLst>
          </p:cNvPr>
          <p:cNvGrpSpPr/>
          <p:nvPr userDrawn="1"/>
        </p:nvGrpSpPr>
        <p:grpSpPr>
          <a:xfrm>
            <a:off x="1857489" y="3761682"/>
            <a:ext cx="1817000" cy="1111735"/>
            <a:chOff x="7918183" y="1759240"/>
            <a:chExt cx="1670583" cy="1532511"/>
          </a:xfrm>
          <a:solidFill>
            <a:srgbClr val="0F2A48"/>
          </a:solidFill>
        </p:grpSpPr>
        <p:sp>
          <p:nvSpPr>
            <p:cNvPr id="49" name="Rectangle: Rounded Corners 59">
              <a:extLst>
                <a:ext uri="{FF2B5EF4-FFF2-40B4-BE49-F238E27FC236}">
                  <a16:creationId xmlns:a16="http://schemas.microsoft.com/office/drawing/2014/main" id="{CFA5313A-DA53-2018-21C9-69529D142D69}"/>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50" name="Rectangle 60">
              <a:extLst>
                <a:ext uri="{FF2B5EF4-FFF2-40B4-BE49-F238E27FC236}">
                  <a16:creationId xmlns:a16="http://schemas.microsoft.com/office/drawing/2014/main" id="{B29D20AD-8FC5-E28E-87AB-D192F4F1FF0E}"/>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1" name="Kombinationstegning: figur 10">
            <a:extLst>
              <a:ext uri="{FF2B5EF4-FFF2-40B4-BE49-F238E27FC236}">
                <a16:creationId xmlns:a16="http://schemas.microsoft.com/office/drawing/2014/main" id="{4456FFCD-2A17-FC34-A682-69B4F4F88E41}"/>
              </a:ext>
            </a:extLst>
          </p:cNvPr>
          <p:cNvSpPr/>
          <p:nvPr/>
        </p:nvSpPr>
        <p:spPr>
          <a:xfrm rot="10800000">
            <a:off x="9544636" y="2653551"/>
            <a:ext cx="1818000" cy="1290917"/>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grpSp>
        <p:nvGrpSpPr>
          <p:cNvPr id="17" name="Gruppe 11">
            <a:extLst>
              <a:ext uri="{FF2B5EF4-FFF2-40B4-BE49-F238E27FC236}">
                <a16:creationId xmlns:a16="http://schemas.microsoft.com/office/drawing/2014/main" id="{97979A19-7240-CF88-1A46-EF209A270409}"/>
              </a:ext>
            </a:extLst>
          </p:cNvPr>
          <p:cNvGrpSpPr/>
          <p:nvPr userDrawn="1"/>
        </p:nvGrpSpPr>
        <p:grpSpPr>
          <a:xfrm>
            <a:off x="9544636" y="2236384"/>
            <a:ext cx="1818002" cy="1401760"/>
            <a:chOff x="9525589" y="2653550"/>
            <a:chExt cx="1818002" cy="1401760"/>
          </a:xfrm>
        </p:grpSpPr>
        <p:sp>
          <p:nvSpPr>
            <p:cNvPr id="18" name="Kombinationstegning: figur 10">
              <a:extLst>
                <a:ext uri="{FF2B5EF4-FFF2-40B4-BE49-F238E27FC236}">
                  <a16:creationId xmlns:a16="http://schemas.microsoft.com/office/drawing/2014/main" id="{D6DC5504-CEA2-FE86-0334-2623969B6511}"/>
                </a:ext>
              </a:extLst>
            </p:cNvPr>
            <p:cNvSpPr/>
            <p:nvPr/>
          </p:nvSpPr>
          <p:spPr>
            <a:xfrm rot="10800000">
              <a:off x="9525589" y="2653550"/>
              <a:ext cx="1818000" cy="1401760"/>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19" name="Kombinationstegning: figur 5">
              <a:extLst>
                <a:ext uri="{FF2B5EF4-FFF2-40B4-BE49-F238E27FC236}">
                  <a16:creationId xmlns:a16="http://schemas.microsoft.com/office/drawing/2014/main" id="{8EC91071-25FC-DF8A-36A0-6F47DDA79584}"/>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sp>
        <p:nvSpPr>
          <p:cNvPr id="32" name="Kombinationstegning: figur 31">
            <a:extLst>
              <a:ext uri="{FF2B5EF4-FFF2-40B4-BE49-F238E27FC236}">
                <a16:creationId xmlns:a16="http://schemas.microsoft.com/office/drawing/2014/main" id="{58E431ED-E98C-0B05-A685-B8623369B24F}"/>
              </a:ext>
            </a:extLst>
          </p:cNvPr>
          <p:cNvSpPr/>
          <p:nvPr userDrawn="1"/>
        </p:nvSpPr>
        <p:spPr>
          <a:xfrm>
            <a:off x="6822141" y="4204446"/>
            <a:ext cx="5369859" cy="2656745"/>
          </a:xfrm>
          <a:custGeom>
            <a:avLst/>
            <a:gdLst>
              <a:gd name="connsiteX0" fmla="*/ 186052 w 5369859"/>
              <a:gd name="connsiteY0" fmla="*/ 0 h 2656745"/>
              <a:gd name="connsiteX1" fmla="*/ 662859 w 5369859"/>
              <a:gd name="connsiteY1" fmla="*/ 0 h 2656745"/>
              <a:gd name="connsiteX2" fmla="*/ 5183807 w 5369859"/>
              <a:gd name="connsiteY2" fmla="*/ 0 h 2656745"/>
              <a:gd name="connsiteX3" fmla="*/ 5369859 w 5369859"/>
              <a:gd name="connsiteY3" fmla="*/ 0 h 2656745"/>
              <a:gd name="connsiteX4" fmla="*/ 5369859 w 5369859"/>
              <a:gd name="connsiteY4" fmla="*/ 186052 h 2656745"/>
              <a:gd name="connsiteX5" fmla="*/ 5369859 w 5369859"/>
              <a:gd name="connsiteY5" fmla="*/ 429570 h 2656745"/>
              <a:gd name="connsiteX6" fmla="*/ 5369859 w 5369859"/>
              <a:gd name="connsiteY6" fmla="*/ 2470693 h 2656745"/>
              <a:gd name="connsiteX7" fmla="*/ 5369859 w 5369859"/>
              <a:gd name="connsiteY7" fmla="*/ 2656745 h 2656745"/>
              <a:gd name="connsiteX8" fmla="*/ 5183807 w 5369859"/>
              <a:gd name="connsiteY8" fmla="*/ 2656745 h 2656745"/>
              <a:gd name="connsiteX9" fmla="*/ 186052 w 5369859"/>
              <a:gd name="connsiteY9" fmla="*/ 2656745 h 2656745"/>
              <a:gd name="connsiteX10" fmla="*/ 0 w 5369859"/>
              <a:gd name="connsiteY10" fmla="*/ 2656745 h 2656745"/>
              <a:gd name="connsiteX11" fmla="*/ 0 w 5369859"/>
              <a:gd name="connsiteY11" fmla="*/ 2470693 h 2656745"/>
              <a:gd name="connsiteX12" fmla="*/ 0 w 5369859"/>
              <a:gd name="connsiteY12" fmla="*/ 429570 h 2656745"/>
              <a:gd name="connsiteX13" fmla="*/ 0 w 5369859"/>
              <a:gd name="connsiteY13" fmla="*/ 186052 h 2656745"/>
              <a:gd name="connsiteX14" fmla="*/ 186052 w 5369859"/>
              <a:gd name="connsiteY14" fmla="*/ 0 h 2656745"/>
              <a:gd name="connsiteX0" fmla="*/ 5369859 w 5461299"/>
              <a:gd name="connsiteY0" fmla="*/ 186052 h 2656745"/>
              <a:gd name="connsiteX1" fmla="*/ 5369859 w 5461299"/>
              <a:gd name="connsiteY1" fmla="*/ 429570 h 2656745"/>
              <a:gd name="connsiteX2" fmla="*/ 5369859 w 5461299"/>
              <a:gd name="connsiteY2" fmla="*/ 2470693 h 2656745"/>
              <a:gd name="connsiteX3" fmla="*/ 5369859 w 5461299"/>
              <a:gd name="connsiteY3" fmla="*/ 2656745 h 2656745"/>
              <a:gd name="connsiteX4" fmla="*/ 5183807 w 5461299"/>
              <a:gd name="connsiteY4" fmla="*/ 2656745 h 2656745"/>
              <a:gd name="connsiteX5" fmla="*/ 186052 w 5461299"/>
              <a:gd name="connsiteY5" fmla="*/ 2656745 h 2656745"/>
              <a:gd name="connsiteX6" fmla="*/ 0 w 5461299"/>
              <a:gd name="connsiteY6" fmla="*/ 2656745 h 2656745"/>
              <a:gd name="connsiteX7" fmla="*/ 0 w 5461299"/>
              <a:gd name="connsiteY7" fmla="*/ 2470693 h 2656745"/>
              <a:gd name="connsiteX8" fmla="*/ 0 w 5461299"/>
              <a:gd name="connsiteY8" fmla="*/ 429570 h 2656745"/>
              <a:gd name="connsiteX9" fmla="*/ 0 w 5461299"/>
              <a:gd name="connsiteY9" fmla="*/ 186052 h 2656745"/>
              <a:gd name="connsiteX10" fmla="*/ 186052 w 5461299"/>
              <a:gd name="connsiteY10" fmla="*/ 0 h 2656745"/>
              <a:gd name="connsiteX11" fmla="*/ 662859 w 5461299"/>
              <a:gd name="connsiteY11" fmla="*/ 0 h 2656745"/>
              <a:gd name="connsiteX12" fmla="*/ 5183807 w 5461299"/>
              <a:gd name="connsiteY12" fmla="*/ 0 h 2656745"/>
              <a:gd name="connsiteX13" fmla="*/ 5369859 w 5461299"/>
              <a:gd name="connsiteY13" fmla="*/ 0 h 2656745"/>
              <a:gd name="connsiteX14" fmla="*/ 5461299 w 5461299"/>
              <a:gd name="connsiteY14" fmla="*/ 277492 h 2656745"/>
              <a:gd name="connsiteX0" fmla="*/ 5369859 w 5461299"/>
              <a:gd name="connsiteY0" fmla="*/ 429570 h 2656745"/>
              <a:gd name="connsiteX1" fmla="*/ 5369859 w 5461299"/>
              <a:gd name="connsiteY1" fmla="*/ 2470693 h 2656745"/>
              <a:gd name="connsiteX2" fmla="*/ 5369859 w 5461299"/>
              <a:gd name="connsiteY2" fmla="*/ 2656745 h 2656745"/>
              <a:gd name="connsiteX3" fmla="*/ 5183807 w 5461299"/>
              <a:gd name="connsiteY3" fmla="*/ 2656745 h 2656745"/>
              <a:gd name="connsiteX4" fmla="*/ 186052 w 5461299"/>
              <a:gd name="connsiteY4" fmla="*/ 2656745 h 2656745"/>
              <a:gd name="connsiteX5" fmla="*/ 0 w 5461299"/>
              <a:gd name="connsiteY5" fmla="*/ 2656745 h 2656745"/>
              <a:gd name="connsiteX6" fmla="*/ 0 w 5461299"/>
              <a:gd name="connsiteY6" fmla="*/ 2470693 h 2656745"/>
              <a:gd name="connsiteX7" fmla="*/ 0 w 5461299"/>
              <a:gd name="connsiteY7" fmla="*/ 429570 h 2656745"/>
              <a:gd name="connsiteX8" fmla="*/ 0 w 5461299"/>
              <a:gd name="connsiteY8" fmla="*/ 186052 h 2656745"/>
              <a:gd name="connsiteX9" fmla="*/ 186052 w 5461299"/>
              <a:gd name="connsiteY9" fmla="*/ 0 h 2656745"/>
              <a:gd name="connsiteX10" fmla="*/ 662859 w 5461299"/>
              <a:gd name="connsiteY10" fmla="*/ 0 h 2656745"/>
              <a:gd name="connsiteX11" fmla="*/ 5183807 w 5461299"/>
              <a:gd name="connsiteY11" fmla="*/ 0 h 2656745"/>
              <a:gd name="connsiteX12" fmla="*/ 5369859 w 5461299"/>
              <a:gd name="connsiteY12" fmla="*/ 0 h 2656745"/>
              <a:gd name="connsiteX13" fmla="*/ 5461299 w 5461299"/>
              <a:gd name="connsiteY13" fmla="*/ 277492 h 2656745"/>
              <a:gd name="connsiteX0" fmla="*/ 5369859 w 5369859"/>
              <a:gd name="connsiteY0" fmla="*/ 429570 h 2656745"/>
              <a:gd name="connsiteX1" fmla="*/ 5369859 w 5369859"/>
              <a:gd name="connsiteY1" fmla="*/ 2470693 h 2656745"/>
              <a:gd name="connsiteX2" fmla="*/ 5369859 w 5369859"/>
              <a:gd name="connsiteY2" fmla="*/ 2656745 h 2656745"/>
              <a:gd name="connsiteX3" fmla="*/ 5183807 w 5369859"/>
              <a:gd name="connsiteY3" fmla="*/ 2656745 h 2656745"/>
              <a:gd name="connsiteX4" fmla="*/ 186052 w 5369859"/>
              <a:gd name="connsiteY4" fmla="*/ 2656745 h 2656745"/>
              <a:gd name="connsiteX5" fmla="*/ 0 w 5369859"/>
              <a:gd name="connsiteY5" fmla="*/ 2656745 h 2656745"/>
              <a:gd name="connsiteX6" fmla="*/ 0 w 5369859"/>
              <a:gd name="connsiteY6" fmla="*/ 2470693 h 2656745"/>
              <a:gd name="connsiteX7" fmla="*/ 0 w 5369859"/>
              <a:gd name="connsiteY7" fmla="*/ 429570 h 2656745"/>
              <a:gd name="connsiteX8" fmla="*/ 0 w 5369859"/>
              <a:gd name="connsiteY8" fmla="*/ 186052 h 2656745"/>
              <a:gd name="connsiteX9" fmla="*/ 186052 w 5369859"/>
              <a:gd name="connsiteY9" fmla="*/ 0 h 2656745"/>
              <a:gd name="connsiteX10" fmla="*/ 662859 w 5369859"/>
              <a:gd name="connsiteY10" fmla="*/ 0 h 2656745"/>
              <a:gd name="connsiteX11" fmla="*/ 5183807 w 5369859"/>
              <a:gd name="connsiteY11" fmla="*/ 0 h 2656745"/>
              <a:gd name="connsiteX12" fmla="*/ 5369859 w 5369859"/>
              <a:gd name="connsiteY12" fmla="*/ 0 h 2656745"/>
              <a:gd name="connsiteX0" fmla="*/ 5369859 w 5369859"/>
              <a:gd name="connsiteY0" fmla="*/ 2470693 h 2656745"/>
              <a:gd name="connsiteX1" fmla="*/ 5369859 w 5369859"/>
              <a:gd name="connsiteY1" fmla="*/ 2656745 h 2656745"/>
              <a:gd name="connsiteX2" fmla="*/ 5183807 w 5369859"/>
              <a:gd name="connsiteY2" fmla="*/ 2656745 h 2656745"/>
              <a:gd name="connsiteX3" fmla="*/ 186052 w 5369859"/>
              <a:gd name="connsiteY3" fmla="*/ 2656745 h 2656745"/>
              <a:gd name="connsiteX4" fmla="*/ 0 w 5369859"/>
              <a:gd name="connsiteY4" fmla="*/ 2656745 h 2656745"/>
              <a:gd name="connsiteX5" fmla="*/ 0 w 5369859"/>
              <a:gd name="connsiteY5" fmla="*/ 2470693 h 2656745"/>
              <a:gd name="connsiteX6" fmla="*/ 0 w 5369859"/>
              <a:gd name="connsiteY6" fmla="*/ 429570 h 2656745"/>
              <a:gd name="connsiteX7" fmla="*/ 0 w 5369859"/>
              <a:gd name="connsiteY7" fmla="*/ 186052 h 2656745"/>
              <a:gd name="connsiteX8" fmla="*/ 186052 w 5369859"/>
              <a:gd name="connsiteY8" fmla="*/ 0 h 2656745"/>
              <a:gd name="connsiteX9" fmla="*/ 662859 w 5369859"/>
              <a:gd name="connsiteY9" fmla="*/ 0 h 2656745"/>
              <a:gd name="connsiteX10" fmla="*/ 5183807 w 5369859"/>
              <a:gd name="connsiteY10" fmla="*/ 0 h 2656745"/>
              <a:gd name="connsiteX11" fmla="*/ 5369859 w 5369859"/>
              <a:gd name="connsiteY11" fmla="*/ 0 h 2656745"/>
              <a:gd name="connsiteX0" fmla="*/ 5369859 w 5369859"/>
              <a:gd name="connsiteY0" fmla="*/ 2656745 h 2656745"/>
              <a:gd name="connsiteX1" fmla="*/ 5183807 w 5369859"/>
              <a:gd name="connsiteY1" fmla="*/ 2656745 h 2656745"/>
              <a:gd name="connsiteX2" fmla="*/ 186052 w 5369859"/>
              <a:gd name="connsiteY2" fmla="*/ 2656745 h 2656745"/>
              <a:gd name="connsiteX3" fmla="*/ 0 w 5369859"/>
              <a:gd name="connsiteY3" fmla="*/ 2656745 h 2656745"/>
              <a:gd name="connsiteX4" fmla="*/ 0 w 5369859"/>
              <a:gd name="connsiteY4" fmla="*/ 2470693 h 2656745"/>
              <a:gd name="connsiteX5" fmla="*/ 0 w 5369859"/>
              <a:gd name="connsiteY5" fmla="*/ 429570 h 2656745"/>
              <a:gd name="connsiteX6" fmla="*/ 0 w 5369859"/>
              <a:gd name="connsiteY6" fmla="*/ 186052 h 2656745"/>
              <a:gd name="connsiteX7" fmla="*/ 186052 w 5369859"/>
              <a:gd name="connsiteY7" fmla="*/ 0 h 2656745"/>
              <a:gd name="connsiteX8" fmla="*/ 662859 w 5369859"/>
              <a:gd name="connsiteY8" fmla="*/ 0 h 2656745"/>
              <a:gd name="connsiteX9" fmla="*/ 5183807 w 5369859"/>
              <a:gd name="connsiteY9" fmla="*/ 0 h 2656745"/>
              <a:gd name="connsiteX10" fmla="*/ 5369859 w 5369859"/>
              <a:gd name="connsiteY10" fmla="*/ 0 h 2656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69859" h="2656745">
                <a:moveTo>
                  <a:pt x="5369859" y="2656745"/>
                </a:moveTo>
                <a:lnTo>
                  <a:pt x="5183807" y="2656745"/>
                </a:lnTo>
                <a:lnTo>
                  <a:pt x="186052" y="2656745"/>
                </a:lnTo>
                <a:lnTo>
                  <a:pt x="0" y="2656745"/>
                </a:lnTo>
                <a:lnTo>
                  <a:pt x="0" y="2470693"/>
                </a:lnTo>
                <a:lnTo>
                  <a:pt x="0" y="429570"/>
                </a:lnTo>
                <a:lnTo>
                  <a:pt x="0" y="186052"/>
                </a:lnTo>
                <a:cubicBezTo>
                  <a:pt x="0" y="83298"/>
                  <a:pt x="83298" y="0"/>
                  <a:pt x="186052" y="0"/>
                </a:cubicBezTo>
                <a:lnTo>
                  <a:pt x="662859" y="0"/>
                </a:lnTo>
                <a:lnTo>
                  <a:pt x="5183807" y="0"/>
                </a:lnTo>
                <a:lnTo>
                  <a:pt x="5369859"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 name="Kombinationstegning: figur 3">
            <a:extLst>
              <a:ext uri="{FF2B5EF4-FFF2-40B4-BE49-F238E27FC236}">
                <a16:creationId xmlns:a16="http://schemas.microsoft.com/office/drawing/2014/main" id="{0265A287-DBA7-26CB-3597-BFBF8CAFAE77}"/>
              </a:ext>
            </a:extLst>
          </p:cNvPr>
          <p:cNvSpPr/>
          <p:nvPr userDrawn="1"/>
        </p:nvSpPr>
        <p:spPr>
          <a:xfrm rot="16200000">
            <a:off x="10259918" y="2012389"/>
            <a:ext cx="3290420" cy="573738"/>
          </a:xfrm>
          <a:custGeom>
            <a:avLst/>
            <a:gdLst>
              <a:gd name="connsiteX0" fmla="*/ 3290420 w 3290420"/>
              <a:gd name="connsiteY0" fmla="*/ 0 h 784409"/>
              <a:gd name="connsiteX1" fmla="*/ 3290420 w 3290420"/>
              <a:gd name="connsiteY1" fmla="*/ 137238 h 784409"/>
              <a:gd name="connsiteX2" fmla="*/ 3290420 w 3290420"/>
              <a:gd name="connsiteY2" fmla="*/ 436501 h 784409"/>
              <a:gd name="connsiteX3" fmla="*/ 3290420 w 3290420"/>
              <a:gd name="connsiteY3" fmla="*/ 436503 h 784409"/>
              <a:gd name="connsiteX4" fmla="*/ 3290420 w 3290420"/>
              <a:gd name="connsiteY4" fmla="*/ 573738 h 784409"/>
              <a:gd name="connsiteX5" fmla="*/ 3290420 w 3290420"/>
              <a:gd name="connsiteY5" fmla="*/ 784409 h 784409"/>
              <a:gd name="connsiteX6" fmla="*/ 2861541 w 3290420"/>
              <a:gd name="connsiteY6" fmla="*/ 784409 h 784409"/>
              <a:gd name="connsiteX7" fmla="*/ 2861541 w 3290420"/>
              <a:gd name="connsiteY7" fmla="*/ 573738 h 784409"/>
              <a:gd name="connsiteX8" fmla="*/ 0 w 3290420"/>
              <a:gd name="connsiteY8" fmla="*/ 573738 h 784409"/>
              <a:gd name="connsiteX9" fmla="*/ 0 w 3290420"/>
              <a:gd name="connsiteY9" fmla="*/ 296968 h 784409"/>
              <a:gd name="connsiteX10" fmla="*/ 1 w 3290420"/>
              <a:gd name="connsiteY10" fmla="*/ 296968 h 784409"/>
              <a:gd name="connsiteX11" fmla="*/ 1 w 3290420"/>
              <a:gd name="connsiteY11" fmla="*/ 137238 h 784409"/>
              <a:gd name="connsiteX12" fmla="*/ 137239 w 3290420"/>
              <a:gd name="connsiteY12" fmla="*/ 0 h 784409"/>
              <a:gd name="connsiteX13" fmla="*/ 2861541 w 3290420"/>
              <a:gd name="connsiteY13" fmla="*/ 0 h 784409"/>
              <a:gd name="connsiteX14" fmla="*/ 3153182 w 3290420"/>
              <a:gd name="connsiteY14" fmla="*/ 0 h 784409"/>
              <a:gd name="connsiteX0" fmla="*/ 2861541 w 3290420"/>
              <a:gd name="connsiteY0" fmla="*/ 784409 h 875849"/>
              <a:gd name="connsiteX1" fmla="*/ 2861541 w 3290420"/>
              <a:gd name="connsiteY1" fmla="*/ 573738 h 875849"/>
              <a:gd name="connsiteX2" fmla="*/ 0 w 3290420"/>
              <a:gd name="connsiteY2" fmla="*/ 573738 h 875849"/>
              <a:gd name="connsiteX3" fmla="*/ 0 w 3290420"/>
              <a:gd name="connsiteY3" fmla="*/ 296968 h 875849"/>
              <a:gd name="connsiteX4" fmla="*/ 1 w 3290420"/>
              <a:gd name="connsiteY4" fmla="*/ 296968 h 875849"/>
              <a:gd name="connsiteX5" fmla="*/ 1 w 3290420"/>
              <a:gd name="connsiteY5" fmla="*/ 137238 h 875849"/>
              <a:gd name="connsiteX6" fmla="*/ 137239 w 3290420"/>
              <a:gd name="connsiteY6" fmla="*/ 0 h 875849"/>
              <a:gd name="connsiteX7" fmla="*/ 2861541 w 3290420"/>
              <a:gd name="connsiteY7" fmla="*/ 0 h 875849"/>
              <a:gd name="connsiteX8" fmla="*/ 3153182 w 3290420"/>
              <a:gd name="connsiteY8" fmla="*/ 0 h 875849"/>
              <a:gd name="connsiteX9" fmla="*/ 3290420 w 3290420"/>
              <a:gd name="connsiteY9" fmla="*/ 0 h 875849"/>
              <a:gd name="connsiteX10" fmla="*/ 3290420 w 3290420"/>
              <a:gd name="connsiteY10" fmla="*/ 137238 h 875849"/>
              <a:gd name="connsiteX11" fmla="*/ 3290420 w 3290420"/>
              <a:gd name="connsiteY11" fmla="*/ 436501 h 875849"/>
              <a:gd name="connsiteX12" fmla="*/ 3290420 w 3290420"/>
              <a:gd name="connsiteY12" fmla="*/ 436503 h 875849"/>
              <a:gd name="connsiteX13" fmla="*/ 3290420 w 3290420"/>
              <a:gd name="connsiteY13" fmla="*/ 573738 h 875849"/>
              <a:gd name="connsiteX14" fmla="*/ 3290420 w 3290420"/>
              <a:gd name="connsiteY14" fmla="*/ 784409 h 875849"/>
              <a:gd name="connsiteX15" fmla="*/ 2952981 w 3290420"/>
              <a:gd name="connsiteY15" fmla="*/ 875849 h 875849"/>
              <a:gd name="connsiteX0" fmla="*/ 2861541 w 3290420"/>
              <a:gd name="connsiteY0" fmla="*/ 784409 h 784409"/>
              <a:gd name="connsiteX1" fmla="*/ 2861541 w 3290420"/>
              <a:gd name="connsiteY1" fmla="*/ 573738 h 784409"/>
              <a:gd name="connsiteX2" fmla="*/ 0 w 3290420"/>
              <a:gd name="connsiteY2" fmla="*/ 573738 h 784409"/>
              <a:gd name="connsiteX3" fmla="*/ 0 w 3290420"/>
              <a:gd name="connsiteY3" fmla="*/ 296968 h 784409"/>
              <a:gd name="connsiteX4" fmla="*/ 1 w 3290420"/>
              <a:gd name="connsiteY4" fmla="*/ 296968 h 784409"/>
              <a:gd name="connsiteX5" fmla="*/ 1 w 3290420"/>
              <a:gd name="connsiteY5" fmla="*/ 137238 h 784409"/>
              <a:gd name="connsiteX6" fmla="*/ 137239 w 3290420"/>
              <a:gd name="connsiteY6" fmla="*/ 0 h 784409"/>
              <a:gd name="connsiteX7" fmla="*/ 2861541 w 3290420"/>
              <a:gd name="connsiteY7" fmla="*/ 0 h 784409"/>
              <a:gd name="connsiteX8" fmla="*/ 3153182 w 3290420"/>
              <a:gd name="connsiteY8" fmla="*/ 0 h 784409"/>
              <a:gd name="connsiteX9" fmla="*/ 3290420 w 3290420"/>
              <a:gd name="connsiteY9" fmla="*/ 0 h 784409"/>
              <a:gd name="connsiteX10" fmla="*/ 3290420 w 3290420"/>
              <a:gd name="connsiteY10" fmla="*/ 137238 h 784409"/>
              <a:gd name="connsiteX11" fmla="*/ 3290420 w 3290420"/>
              <a:gd name="connsiteY11" fmla="*/ 436501 h 784409"/>
              <a:gd name="connsiteX12" fmla="*/ 3290420 w 3290420"/>
              <a:gd name="connsiteY12" fmla="*/ 436503 h 784409"/>
              <a:gd name="connsiteX13" fmla="*/ 3290420 w 3290420"/>
              <a:gd name="connsiteY13" fmla="*/ 573738 h 784409"/>
              <a:gd name="connsiteX14" fmla="*/ 3290420 w 3290420"/>
              <a:gd name="connsiteY14" fmla="*/ 784409 h 784409"/>
              <a:gd name="connsiteX0" fmla="*/ 2861541 w 3290420"/>
              <a:gd name="connsiteY0" fmla="*/ 784409 h 784409"/>
              <a:gd name="connsiteX1" fmla="*/ 2861541 w 3290420"/>
              <a:gd name="connsiteY1" fmla="*/ 573738 h 784409"/>
              <a:gd name="connsiteX2" fmla="*/ 0 w 3290420"/>
              <a:gd name="connsiteY2" fmla="*/ 573738 h 784409"/>
              <a:gd name="connsiteX3" fmla="*/ 0 w 3290420"/>
              <a:gd name="connsiteY3" fmla="*/ 296968 h 784409"/>
              <a:gd name="connsiteX4" fmla="*/ 1 w 3290420"/>
              <a:gd name="connsiteY4" fmla="*/ 296968 h 784409"/>
              <a:gd name="connsiteX5" fmla="*/ 1 w 3290420"/>
              <a:gd name="connsiteY5" fmla="*/ 137238 h 784409"/>
              <a:gd name="connsiteX6" fmla="*/ 137239 w 3290420"/>
              <a:gd name="connsiteY6" fmla="*/ 0 h 784409"/>
              <a:gd name="connsiteX7" fmla="*/ 2861541 w 3290420"/>
              <a:gd name="connsiteY7" fmla="*/ 0 h 784409"/>
              <a:gd name="connsiteX8" fmla="*/ 3153182 w 3290420"/>
              <a:gd name="connsiteY8" fmla="*/ 0 h 784409"/>
              <a:gd name="connsiteX9" fmla="*/ 3290420 w 3290420"/>
              <a:gd name="connsiteY9" fmla="*/ 0 h 784409"/>
              <a:gd name="connsiteX10" fmla="*/ 3290420 w 3290420"/>
              <a:gd name="connsiteY10" fmla="*/ 137238 h 784409"/>
              <a:gd name="connsiteX11" fmla="*/ 3290420 w 3290420"/>
              <a:gd name="connsiteY11" fmla="*/ 436501 h 784409"/>
              <a:gd name="connsiteX12" fmla="*/ 3290420 w 3290420"/>
              <a:gd name="connsiteY12" fmla="*/ 436503 h 784409"/>
              <a:gd name="connsiteX13" fmla="*/ 3290420 w 3290420"/>
              <a:gd name="connsiteY13" fmla="*/ 573738 h 784409"/>
              <a:gd name="connsiteX0" fmla="*/ 2861541 w 3290420"/>
              <a:gd name="connsiteY0" fmla="*/ 573738 h 573738"/>
              <a:gd name="connsiteX1" fmla="*/ 0 w 3290420"/>
              <a:gd name="connsiteY1" fmla="*/ 573738 h 573738"/>
              <a:gd name="connsiteX2" fmla="*/ 0 w 3290420"/>
              <a:gd name="connsiteY2" fmla="*/ 296968 h 573738"/>
              <a:gd name="connsiteX3" fmla="*/ 1 w 3290420"/>
              <a:gd name="connsiteY3" fmla="*/ 296968 h 573738"/>
              <a:gd name="connsiteX4" fmla="*/ 1 w 3290420"/>
              <a:gd name="connsiteY4" fmla="*/ 137238 h 573738"/>
              <a:gd name="connsiteX5" fmla="*/ 137239 w 3290420"/>
              <a:gd name="connsiteY5" fmla="*/ 0 h 573738"/>
              <a:gd name="connsiteX6" fmla="*/ 2861541 w 3290420"/>
              <a:gd name="connsiteY6" fmla="*/ 0 h 573738"/>
              <a:gd name="connsiteX7" fmla="*/ 3153182 w 3290420"/>
              <a:gd name="connsiteY7" fmla="*/ 0 h 573738"/>
              <a:gd name="connsiteX8" fmla="*/ 3290420 w 3290420"/>
              <a:gd name="connsiteY8" fmla="*/ 0 h 573738"/>
              <a:gd name="connsiteX9" fmla="*/ 3290420 w 3290420"/>
              <a:gd name="connsiteY9" fmla="*/ 137238 h 573738"/>
              <a:gd name="connsiteX10" fmla="*/ 3290420 w 3290420"/>
              <a:gd name="connsiteY10" fmla="*/ 436501 h 573738"/>
              <a:gd name="connsiteX11" fmla="*/ 3290420 w 3290420"/>
              <a:gd name="connsiteY11" fmla="*/ 436503 h 573738"/>
              <a:gd name="connsiteX12" fmla="*/ 3290420 w 3290420"/>
              <a:gd name="connsiteY12" fmla="*/ 573738 h 573738"/>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2861541 w 3290420"/>
              <a:gd name="connsiteY5" fmla="*/ 0 h 573738"/>
              <a:gd name="connsiteX6" fmla="*/ 3153182 w 3290420"/>
              <a:gd name="connsiteY6" fmla="*/ 0 h 573738"/>
              <a:gd name="connsiteX7" fmla="*/ 3290420 w 3290420"/>
              <a:gd name="connsiteY7" fmla="*/ 0 h 573738"/>
              <a:gd name="connsiteX8" fmla="*/ 3290420 w 3290420"/>
              <a:gd name="connsiteY8" fmla="*/ 137238 h 573738"/>
              <a:gd name="connsiteX9" fmla="*/ 3290420 w 3290420"/>
              <a:gd name="connsiteY9" fmla="*/ 436501 h 573738"/>
              <a:gd name="connsiteX10" fmla="*/ 3290420 w 3290420"/>
              <a:gd name="connsiteY10" fmla="*/ 436503 h 573738"/>
              <a:gd name="connsiteX11" fmla="*/ 3290420 w 3290420"/>
              <a:gd name="connsiteY11" fmla="*/ 573738 h 5737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290420" h="573738">
                <a:moveTo>
                  <a:pt x="0" y="573738"/>
                </a:moveTo>
                <a:lnTo>
                  <a:pt x="0" y="296968"/>
                </a:lnTo>
                <a:lnTo>
                  <a:pt x="1" y="296968"/>
                </a:lnTo>
                <a:lnTo>
                  <a:pt x="1" y="137238"/>
                </a:lnTo>
                <a:cubicBezTo>
                  <a:pt x="1" y="61444"/>
                  <a:pt x="61445" y="0"/>
                  <a:pt x="137239" y="0"/>
                </a:cubicBezTo>
                <a:lnTo>
                  <a:pt x="2861541" y="0"/>
                </a:lnTo>
                <a:lnTo>
                  <a:pt x="3153182" y="0"/>
                </a:lnTo>
                <a:lnTo>
                  <a:pt x="3290420" y="0"/>
                </a:lnTo>
                <a:lnTo>
                  <a:pt x="3290420" y="137238"/>
                </a:lnTo>
                <a:lnTo>
                  <a:pt x="3290420" y="436501"/>
                </a:lnTo>
                <a:lnTo>
                  <a:pt x="3290420" y="436503"/>
                </a:lnTo>
                <a:lnTo>
                  <a:pt x="3290420" y="57373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3" name="Kombinationstegning: figur 12">
            <a:extLst>
              <a:ext uri="{FF2B5EF4-FFF2-40B4-BE49-F238E27FC236}">
                <a16:creationId xmlns:a16="http://schemas.microsoft.com/office/drawing/2014/main" id="{48A5DC69-715C-A5CB-06D3-FD6482E72F48}"/>
              </a:ext>
            </a:extLst>
          </p:cNvPr>
          <p:cNvSpPr/>
          <p:nvPr userDrawn="1"/>
        </p:nvSpPr>
        <p:spPr>
          <a:xfrm rot="5400000">
            <a:off x="-527441" y="2744110"/>
            <a:ext cx="2656746" cy="1601868"/>
          </a:xfrm>
          <a:custGeom>
            <a:avLst/>
            <a:gdLst>
              <a:gd name="connsiteX0" fmla="*/ 0 w 2656746"/>
              <a:gd name="connsiteY0" fmla="*/ 1439807 h 1601868"/>
              <a:gd name="connsiteX1" fmla="*/ 0 w 2656746"/>
              <a:gd name="connsiteY1" fmla="*/ 162061 h 1601868"/>
              <a:gd name="connsiteX2" fmla="*/ 162061 w 2656746"/>
              <a:gd name="connsiteY2" fmla="*/ 0 h 1601868"/>
              <a:gd name="connsiteX3" fmla="*/ 2494683 w 2656746"/>
              <a:gd name="connsiteY3" fmla="*/ 0 h 1601868"/>
              <a:gd name="connsiteX4" fmla="*/ 2656744 w 2656746"/>
              <a:gd name="connsiteY4" fmla="*/ 162061 h 1601868"/>
              <a:gd name="connsiteX5" fmla="*/ 2656744 w 2656746"/>
              <a:gd name="connsiteY5" fmla="*/ 259006 h 1601868"/>
              <a:gd name="connsiteX6" fmla="*/ 2656746 w 2656746"/>
              <a:gd name="connsiteY6" fmla="*/ 259006 h 1601868"/>
              <a:gd name="connsiteX7" fmla="*/ 2656746 w 2656746"/>
              <a:gd name="connsiteY7" fmla="*/ 1601868 h 1601868"/>
              <a:gd name="connsiteX8" fmla="*/ 2494683 w 2656746"/>
              <a:gd name="connsiteY8" fmla="*/ 1601868 h 1601868"/>
              <a:gd name="connsiteX9" fmla="*/ 162061 w 2656746"/>
              <a:gd name="connsiteY9" fmla="*/ 1601868 h 1601868"/>
              <a:gd name="connsiteX10" fmla="*/ 2 w 2656746"/>
              <a:gd name="connsiteY10" fmla="*/ 1601868 h 1601868"/>
              <a:gd name="connsiteX11" fmla="*/ 2 w 2656746"/>
              <a:gd name="connsiteY11" fmla="*/ 1439817 h 1601868"/>
              <a:gd name="connsiteX0" fmla="*/ 2 w 2656746"/>
              <a:gd name="connsiteY0" fmla="*/ 1601868 h 1693308"/>
              <a:gd name="connsiteX1" fmla="*/ 2 w 2656746"/>
              <a:gd name="connsiteY1" fmla="*/ 1439817 h 1693308"/>
              <a:gd name="connsiteX2" fmla="*/ 0 w 2656746"/>
              <a:gd name="connsiteY2" fmla="*/ 1439807 h 1693308"/>
              <a:gd name="connsiteX3" fmla="*/ 0 w 2656746"/>
              <a:gd name="connsiteY3" fmla="*/ 162061 h 1693308"/>
              <a:gd name="connsiteX4" fmla="*/ 162061 w 2656746"/>
              <a:gd name="connsiteY4" fmla="*/ 0 h 1693308"/>
              <a:gd name="connsiteX5" fmla="*/ 2494683 w 2656746"/>
              <a:gd name="connsiteY5" fmla="*/ 0 h 1693308"/>
              <a:gd name="connsiteX6" fmla="*/ 2656744 w 2656746"/>
              <a:gd name="connsiteY6" fmla="*/ 162061 h 1693308"/>
              <a:gd name="connsiteX7" fmla="*/ 2656744 w 2656746"/>
              <a:gd name="connsiteY7" fmla="*/ 259006 h 1693308"/>
              <a:gd name="connsiteX8" fmla="*/ 2656746 w 2656746"/>
              <a:gd name="connsiteY8" fmla="*/ 259006 h 1693308"/>
              <a:gd name="connsiteX9" fmla="*/ 2656746 w 2656746"/>
              <a:gd name="connsiteY9" fmla="*/ 1601868 h 1693308"/>
              <a:gd name="connsiteX10" fmla="*/ 2494683 w 2656746"/>
              <a:gd name="connsiteY10" fmla="*/ 1601868 h 1693308"/>
              <a:gd name="connsiteX11" fmla="*/ 162061 w 2656746"/>
              <a:gd name="connsiteY11" fmla="*/ 1601868 h 1693308"/>
              <a:gd name="connsiteX12" fmla="*/ 91442 w 2656746"/>
              <a:gd name="connsiteY12" fmla="*/ 1693308 h 169330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11" fmla="*/ 162061 w 2656746"/>
              <a:gd name="connsiteY11"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56746" h="1601868">
                <a:moveTo>
                  <a:pt x="2" y="1601868"/>
                </a:moveTo>
                <a:lnTo>
                  <a:pt x="2" y="1439817"/>
                </a:lnTo>
                <a:cubicBezTo>
                  <a:pt x="1" y="1439814"/>
                  <a:pt x="1" y="1439810"/>
                  <a:pt x="0" y="1439807"/>
                </a:cubicBezTo>
                <a:lnTo>
                  <a:pt x="0" y="162061"/>
                </a:lnTo>
                <a:cubicBezTo>
                  <a:pt x="0" y="72557"/>
                  <a:pt x="72557" y="0"/>
                  <a:pt x="162061" y="0"/>
                </a:cubicBezTo>
                <a:lnTo>
                  <a:pt x="2494683" y="0"/>
                </a:lnTo>
                <a:cubicBezTo>
                  <a:pt x="2584187" y="0"/>
                  <a:pt x="2656744" y="72557"/>
                  <a:pt x="2656744" y="162061"/>
                </a:cubicBezTo>
                <a:lnTo>
                  <a:pt x="2656744" y="259006"/>
                </a:lnTo>
                <a:lnTo>
                  <a:pt x="2656746" y="259006"/>
                </a:lnTo>
                <a:lnTo>
                  <a:pt x="2656746" y="160186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7" name="Freeform: Shape 79">
            <a:extLst>
              <a:ext uri="{FF2B5EF4-FFF2-40B4-BE49-F238E27FC236}">
                <a16:creationId xmlns:a16="http://schemas.microsoft.com/office/drawing/2014/main" id="{441A6F05-6F6E-988B-FA5B-FB1CCAE99F15}"/>
              </a:ext>
            </a:extLst>
          </p:cNvPr>
          <p:cNvSpPr/>
          <p:nvPr userDrawn="1"/>
        </p:nvSpPr>
        <p:spPr>
          <a:xfrm rot="5400000">
            <a:off x="-1016912" y="2810669"/>
            <a:ext cx="1740665" cy="6383726"/>
          </a:xfrm>
          <a:custGeom>
            <a:avLst/>
            <a:gdLst>
              <a:gd name="connsiteX0" fmla="*/ 0 w 1740665"/>
              <a:gd name="connsiteY0" fmla="*/ 6383726 h 6559829"/>
              <a:gd name="connsiteX1" fmla="*/ 0 w 1740665"/>
              <a:gd name="connsiteY1" fmla="*/ 176104 h 6559829"/>
              <a:gd name="connsiteX2" fmla="*/ 176103 w 1740665"/>
              <a:gd name="connsiteY2" fmla="*/ 1 h 6559829"/>
              <a:gd name="connsiteX3" fmla="*/ 566238 w 1740665"/>
              <a:gd name="connsiteY3" fmla="*/ 1 h 6559829"/>
              <a:gd name="connsiteX4" fmla="*/ 566238 w 1740665"/>
              <a:gd name="connsiteY4" fmla="*/ 0 h 6559829"/>
              <a:gd name="connsiteX5" fmla="*/ 1740665 w 1740665"/>
              <a:gd name="connsiteY5" fmla="*/ 0 h 6559829"/>
              <a:gd name="connsiteX6" fmla="*/ 1740665 w 1740665"/>
              <a:gd name="connsiteY6" fmla="*/ 6551498 h 6559829"/>
              <a:gd name="connsiteX7" fmla="*/ 1605825 w 1740665"/>
              <a:gd name="connsiteY7" fmla="*/ 6551498 h 6559829"/>
              <a:gd name="connsiteX8" fmla="*/ 1564562 w 1740665"/>
              <a:gd name="connsiteY8" fmla="*/ 6559829 h 6559829"/>
              <a:gd name="connsiteX9" fmla="*/ 176103 w 1740665"/>
              <a:gd name="connsiteY9" fmla="*/ 6559829 h 6559829"/>
              <a:gd name="connsiteX10" fmla="*/ 0 w 1740665"/>
              <a:gd name="connsiteY10" fmla="*/ 6383726 h 6559829"/>
              <a:gd name="connsiteX0" fmla="*/ 1740665 w 1832105"/>
              <a:gd name="connsiteY0" fmla="*/ 6551498 h 6642938"/>
              <a:gd name="connsiteX1" fmla="*/ 1605825 w 1832105"/>
              <a:gd name="connsiteY1" fmla="*/ 6551498 h 6642938"/>
              <a:gd name="connsiteX2" fmla="*/ 1564562 w 1832105"/>
              <a:gd name="connsiteY2" fmla="*/ 6559829 h 6642938"/>
              <a:gd name="connsiteX3" fmla="*/ 176103 w 1832105"/>
              <a:gd name="connsiteY3" fmla="*/ 6559829 h 6642938"/>
              <a:gd name="connsiteX4" fmla="*/ 0 w 1832105"/>
              <a:gd name="connsiteY4" fmla="*/ 6383726 h 6642938"/>
              <a:gd name="connsiteX5" fmla="*/ 0 w 1832105"/>
              <a:gd name="connsiteY5" fmla="*/ 176104 h 6642938"/>
              <a:gd name="connsiteX6" fmla="*/ 176103 w 1832105"/>
              <a:gd name="connsiteY6" fmla="*/ 1 h 6642938"/>
              <a:gd name="connsiteX7" fmla="*/ 566238 w 1832105"/>
              <a:gd name="connsiteY7" fmla="*/ 1 h 6642938"/>
              <a:gd name="connsiteX8" fmla="*/ 566238 w 1832105"/>
              <a:gd name="connsiteY8" fmla="*/ 0 h 6642938"/>
              <a:gd name="connsiteX9" fmla="*/ 1740665 w 1832105"/>
              <a:gd name="connsiteY9" fmla="*/ 0 h 6642938"/>
              <a:gd name="connsiteX10" fmla="*/ 1832105 w 1832105"/>
              <a:gd name="connsiteY10" fmla="*/ 6642938 h 6642938"/>
              <a:gd name="connsiteX0" fmla="*/ 1740665 w 1740665"/>
              <a:gd name="connsiteY0" fmla="*/ 6551498 h 6559829"/>
              <a:gd name="connsiteX1" fmla="*/ 1605825 w 1740665"/>
              <a:gd name="connsiteY1" fmla="*/ 6551498 h 6559829"/>
              <a:gd name="connsiteX2" fmla="*/ 1564562 w 1740665"/>
              <a:gd name="connsiteY2" fmla="*/ 6559829 h 6559829"/>
              <a:gd name="connsiteX3" fmla="*/ 176103 w 1740665"/>
              <a:gd name="connsiteY3" fmla="*/ 6559829 h 6559829"/>
              <a:gd name="connsiteX4" fmla="*/ 0 w 1740665"/>
              <a:gd name="connsiteY4" fmla="*/ 6383726 h 6559829"/>
              <a:gd name="connsiteX5" fmla="*/ 0 w 1740665"/>
              <a:gd name="connsiteY5" fmla="*/ 176104 h 6559829"/>
              <a:gd name="connsiteX6" fmla="*/ 176103 w 1740665"/>
              <a:gd name="connsiteY6" fmla="*/ 1 h 6559829"/>
              <a:gd name="connsiteX7" fmla="*/ 566238 w 1740665"/>
              <a:gd name="connsiteY7" fmla="*/ 1 h 6559829"/>
              <a:gd name="connsiteX8" fmla="*/ 566238 w 1740665"/>
              <a:gd name="connsiteY8" fmla="*/ 0 h 6559829"/>
              <a:gd name="connsiteX9" fmla="*/ 1740665 w 1740665"/>
              <a:gd name="connsiteY9" fmla="*/ 0 h 6559829"/>
              <a:gd name="connsiteX0" fmla="*/ 1605825 w 1740665"/>
              <a:gd name="connsiteY0" fmla="*/ 6551498 h 6559829"/>
              <a:gd name="connsiteX1" fmla="*/ 1564562 w 1740665"/>
              <a:gd name="connsiteY1" fmla="*/ 6559829 h 6559829"/>
              <a:gd name="connsiteX2" fmla="*/ 176103 w 1740665"/>
              <a:gd name="connsiteY2" fmla="*/ 6559829 h 6559829"/>
              <a:gd name="connsiteX3" fmla="*/ 0 w 1740665"/>
              <a:gd name="connsiteY3" fmla="*/ 6383726 h 6559829"/>
              <a:gd name="connsiteX4" fmla="*/ 0 w 1740665"/>
              <a:gd name="connsiteY4" fmla="*/ 176104 h 6559829"/>
              <a:gd name="connsiteX5" fmla="*/ 176103 w 1740665"/>
              <a:gd name="connsiteY5" fmla="*/ 1 h 6559829"/>
              <a:gd name="connsiteX6" fmla="*/ 566238 w 1740665"/>
              <a:gd name="connsiteY6" fmla="*/ 1 h 6559829"/>
              <a:gd name="connsiteX7" fmla="*/ 566238 w 1740665"/>
              <a:gd name="connsiteY7" fmla="*/ 0 h 6559829"/>
              <a:gd name="connsiteX8" fmla="*/ 1740665 w 1740665"/>
              <a:gd name="connsiteY8" fmla="*/ 0 h 6559829"/>
              <a:gd name="connsiteX0" fmla="*/ 1605825 w 1740665"/>
              <a:gd name="connsiteY0" fmla="*/ 6551498 h 6559829"/>
              <a:gd name="connsiteX1" fmla="*/ 176103 w 1740665"/>
              <a:gd name="connsiteY1" fmla="*/ 6559829 h 6559829"/>
              <a:gd name="connsiteX2" fmla="*/ 0 w 1740665"/>
              <a:gd name="connsiteY2" fmla="*/ 6383726 h 6559829"/>
              <a:gd name="connsiteX3" fmla="*/ 0 w 1740665"/>
              <a:gd name="connsiteY3" fmla="*/ 176104 h 6559829"/>
              <a:gd name="connsiteX4" fmla="*/ 176103 w 1740665"/>
              <a:gd name="connsiteY4" fmla="*/ 1 h 6559829"/>
              <a:gd name="connsiteX5" fmla="*/ 566238 w 1740665"/>
              <a:gd name="connsiteY5" fmla="*/ 1 h 6559829"/>
              <a:gd name="connsiteX6" fmla="*/ 566238 w 1740665"/>
              <a:gd name="connsiteY6" fmla="*/ 0 h 6559829"/>
              <a:gd name="connsiteX7" fmla="*/ 1740665 w 1740665"/>
              <a:gd name="connsiteY7" fmla="*/ 0 h 6559829"/>
              <a:gd name="connsiteX0" fmla="*/ 176103 w 1740665"/>
              <a:gd name="connsiteY0" fmla="*/ 6559829 h 6559829"/>
              <a:gd name="connsiteX1" fmla="*/ 0 w 1740665"/>
              <a:gd name="connsiteY1" fmla="*/ 6383726 h 6559829"/>
              <a:gd name="connsiteX2" fmla="*/ 0 w 1740665"/>
              <a:gd name="connsiteY2" fmla="*/ 176104 h 6559829"/>
              <a:gd name="connsiteX3" fmla="*/ 176103 w 1740665"/>
              <a:gd name="connsiteY3" fmla="*/ 1 h 6559829"/>
              <a:gd name="connsiteX4" fmla="*/ 566238 w 1740665"/>
              <a:gd name="connsiteY4" fmla="*/ 1 h 6559829"/>
              <a:gd name="connsiteX5" fmla="*/ 566238 w 1740665"/>
              <a:gd name="connsiteY5" fmla="*/ 0 h 6559829"/>
              <a:gd name="connsiteX6" fmla="*/ 1740665 w 1740665"/>
              <a:gd name="connsiteY6" fmla="*/ 0 h 6559829"/>
              <a:gd name="connsiteX0" fmla="*/ 0 w 1740665"/>
              <a:gd name="connsiteY0" fmla="*/ 6383726 h 6383726"/>
              <a:gd name="connsiteX1" fmla="*/ 0 w 1740665"/>
              <a:gd name="connsiteY1" fmla="*/ 176104 h 6383726"/>
              <a:gd name="connsiteX2" fmla="*/ 176103 w 1740665"/>
              <a:gd name="connsiteY2" fmla="*/ 1 h 6383726"/>
              <a:gd name="connsiteX3" fmla="*/ 566238 w 1740665"/>
              <a:gd name="connsiteY3" fmla="*/ 1 h 6383726"/>
              <a:gd name="connsiteX4" fmla="*/ 566238 w 1740665"/>
              <a:gd name="connsiteY4" fmla="*/ 0 h 6383726"/>
              <a:gd name="connsiteX5" fmla="*/ 1740665 w 1740665"/>
              <a:gd name="connsiteY5" fmla="*/ 0 h 6383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40665" h="6383726">
                <a:moveTo>
                  <a:pt x="0" y="6383726"/>
                </a:moveTo>
                <a:lnTo>
                  <a:pt x="0" y="176104"/>
                </a:lnTo>
                <a:cubicBezTo>
                  <a:pt x="0" y="78845"/>
                  <a:pt x="78844" y="1"/>
                  <a:pt x="176103" y="1"/>
                </a:cubicBezTo>
                <a:lnTo>
                  <a:pt x="566238" y="1"/>
                </a:lnTo>
                <a:lnTo>
                  <a:pt x="566238" y="0"/>
                </a:lnTo>
                <a:lnTo>
                  <a:pt x="174066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176789" cy="1548000"/>
          </a:xfrm>
        </p:spPr>
        <p:txBody>
          <a:bodyPr anchor="t" anchorCtr="0"/>
          <a:lstStyle>
            <a:lvl1pPr algn="l">
              <a:defRPr sz="4800">
                <a:solidFill>
                  <a:schemeClr val="bg1"/>
                </a:solidFill>
              </a:defRPr>
            </a:lvl1pPr>
          </a:lstStyle>
          <a:p>
            <a:r>
              <a:rPr lang="da-DK" dirty="0"/>
              <a:t>Klik for at indsætte overskrift – max. to linjer</a:t>
            </a:r>
          </a:p>
        </p:txBody>
      </p:sp>
      <p:pic>
        <p:nvPicPr>
          <p:cNvPr id="5" name="Dynamic cover logo hvid" descr="{&quot;templafy&quot;:{&quot;id&quot;:&quot;ff0fedcc-fd82-456e-b648-d6f4b18b6c57&quot;}}">
            <a:extLst>
              <a:ext uri="{FF2B5EF4-FFF2-40B4-BE49-F238E27FC236}">
                <a16:creationId xmlns:a16="http://schemas.microsoft.com/office/drawing/2014/main" id="{EC0A56E9-6197-6444-79E0-2447E6CC2FBE}"/>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1722348036"/>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0"/>
                                  </p:stCondLst>
                                  <p:childTnLst>
                                    <p:animMotion origin="layout" path="M -8.33333E-7 -1.48148E-6 L 0.21224 -1.48148E-6 " pathEditMode="relative" rAng="0" ptsTypes="AA">
                                      <p:cBhvr>
                                        <p:cTn id="6" dur="5000" fill="hold"/>
                                        <p:tgtEl>
                                          <p:spTgt spid="47"/>
                                        </p:tgtEl>
                                        <p:attrNameLst>
                                          <p:attrName>ppt_x</p:attrName>
                                          <p:attrName>ppt_y</p:attrName>
                                        </p:attrNameLst>
                                      </p:cBhvr>
                                      <p:rCtr x="10612" y="0"/>
                                    </p:animMotion>
                                  </p:childTnLst>
                                </p:cTn>
                              </p:par>
                              <p:par>
                                <p:cTn id="7" presetID="64" presetClass="path" presetSubtype="0" repeatCount="indefinite" accel="50000" decel="50000" autoRev="1" fill="hold" nodeType="withEffect">
                                  <p:stCondLst>
                                    <p:cond delay="1700"/>
                                  </p:stCondLst>
                                  <p:childTnLst>
                                    <p:animMotion origin="layout" path="M -1.875E-6 -7.40741E-7 L -1.875E-6 -0.09699 " pathEditMode="relative" rAng="0" ptsTypes="AA">
                                      <p:cBhvr>
                                        <p:cTn id="8" dur="6750" fill="hold"/>
                                        <p:tgtEl>
                                          <p:spTgt spid="17"/>
                                        </p:tgtEl>
                                        <p:attrNameLst>
                                          <p:attrName>ppt_x</p:attrName>
                                          <p:attrName>ppt_y</p:attrName>
                                        </p:attrNameLst>
                                      </p:cBhvr>
                                      <p:rCtr x="0" y="-4861"/>
                                    </p:animMotion>
                                  </p:childTnLst>
                                </p:cTn>
                              </p:par>
                              <p:par>
                                <p:cTn id="9" presetID="42" presetClass="path" presetSubtype="0" repeatCount="indefinite" accel="50000" decel="50000" autoRev="1" fill="hold" nodeType="withEffect">
                                  <p:stCondLst>
                                    <p:cond delay="0"/>
                                  </p:stCondLst>
                                  <p:childTnLst>
                                    <p:animMotion origin="layout" path="M -2.91667E-6 3.7037E-7 L 0.05742 3.7037E-7 " pathEditMode="relative" rAng="0" ptsTypes="AA">
                                      <p:cBhvr>
                                        <p:cTn id="10" dur="6750" fill="hold"/>
                                        <p:tgtEl>
                                          <p:spTgt spid="48"/>
                                        </p:tgtEl>
                                        <p:attrNameLst>
                                          <p:attrName>ppt_x</p:attrName>
                                          <p:attrName>ppt_y</p:attrName>
                                        </p:attrNameLst>
                                      </p:cBhvr>
                                      <p:rCtr x="286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7" grpId="0" animBg="1"/>
    </p:bldLst>
  </p:timing>
</p:sldLayout>
</file>

<file path=ppt/slideLayouts/slideLayout90.xml><?xml version="1.0" encoding="utf-8"?>
<p:sldLayout xmlns:a="http://schemas.openxmlformats.org/drawingml/2006/main" xmlns:r="http://schemas.openxmlformats.org/officeDocument/2006/relationships" xmlns:p="http://schemas.openxmlformats.org/presentationml/2006/main" type="blank" preserve="1">
  <p:cSld name="Tom">
    <p:bg>
      <p:bgPr>
        <a:solidFill>
          <a:schemeClr val="bg2"/>
        </a:solidFill>
        <a:effectLst/>
      </p:bgPr>
    </p:bg>
    <p:spTree>
      <p:nvGrpSpPr>
        <p:cNvPr id="1" name=""/>
        <p:cNvGrpSpPr/>
        <p:nvPr/>
      </p:nvGrpSpPr>
      <p:grpSpPr>
        <a:xfrm>
          <a:off x="0" y="0"/>
          <a:ext cx="0" cy="0"/>
          <a:chOff x="0" y="0"/>
          <a:chExt cx="0" cy="0"/>
        </a:xfrm>
      </p:grpSpPr>
      <p:sp>
        <p:nvSpPr>
          <p:cNvPr id="2" name="Pladsholder til dato 1" hidden="1">
            <a:extLst>
              <a:ext uri="{FF2B5EF4-FFF2-40B4-BE49-F238E27FC236}">
                <a16:creationId xmlns:a16="http://schemas.microsoft.com/office/drawing/2014/main" id="{33BEAC99-3DAC-D9E3-DF78-D2F7FB58E753}"/>
              </a:ext>
            </a:extLst>
          </p:cNvPr>
          <p:cNvSpPr>
            <a:spLocks noGrp="1"/>
          </p:cNvSpPr>
          <p:nvPr>
            <p:ph type="dt" sz="half" idx="10"/>
          </p:nvPr>
        </p:nvSpPr>
        <p:spPr/>
        <p:txBody>
          <a:bodyPr/>
          <a:lstStyle/>
          <a:p>
            <a:fld id="{430D9943-4D8B-4B23-B45B-B6E913461806}" type="datetime2">
              <a:rPr lang="da-DK" smtClean="0"/>
              <a:t>11. september 2024</a:t>
            </a:fld>
            <a:endParaRPr lang="da-DK" dirty="0"/>
          </a:p>
        </p:txBody>
      </p:sp>
      <p:sp>
        <p:nvSpPr>
          <p:cNvPr id="3" name="Pladsholder til sidefod 2" hidden="1">
            <a:extLst>
              <a:ext uri="{FF2B5EF4-FFF2-40B4-BE49-F238E27FC236}">
                <a16:creationId xmlns:a16="http://schemas.microsoft.com/office/drawing/2014/main" id="{67DA998F-68C7-DCA0-13A0-77764713E3E6}"/>
              </a:ext>
            </a:extLst>
          </p:cNvPr>
          <p:cNvSpPr>
            <a:spLocks noGrp="1"/>
          </p:cNvSpPr>
          <p:nvPr>
            <p:ph type="ftr" sz="quarter" idx="11"/>
          </p:nvPr>
        </p:nvSpPr>
        <p:spPr/>
        <p:txBody>
          <a:bodyPr/>
          <a:lstStyle/>
          <a:p>
            <a:endParaRPr lang="da-DK" dirty="0"/>
          </a:p>
        </p:txBody>
      </p:sp>
      <p:sp>
        <p:nvSpPr>
          <p:cNvPr id="4" name="Pladsholder til slidenummer 3" hidden="1">
            <a:extLst>
              <a:ext uri="{FF2B5EF4-FFF2-40B4-BE49-F238E27FC236}">
                <a16:creationId xmlns:a16="http://schemas.microsoft.com/office/drawing/2014/main" id="{04139E55-3E63-075F-7F4B-1FD22A4E247B}"/>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4031938802"/>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type="blank" preserve="1">
  <p:cSld name="Tom hvid baggrund">
    <p:spTree>
      <p:nvGrpSpPr>
        <p:cNvPr id="1" name=""/>
        <p:cNvGrpSpPr/>
        <p:nvPr/>
      </p:nvGrpSpPr>
      <p:grpSpPr>
        <a:xfrm>
          <a:off x="0" y="0"/>
          <a:ext cx="0" cy="0"/>
          <a:chOff x="0" y="0"/>
          <a:chExt cx="0" cy="0"/>
        </a:xfrm>
      </p:grpSpPr>
      <p:sp>
        <p:nvSpPr>
          <p:cNvPr id="2" name="Pladsholder til dato 1" hidden="1">
            <a:extLst>
              <a:ext uri="{FF2B5EF4-FFF2-40B4-BE49-F238E27FC236}">
                <a16:creationId xmlns:a16="http://schemas.microsoft.com/office/drawing/2014/main" id="{74DC9480-EE91-3432-4F0A-318F175FB174}"/>
              </a:ext>
            </a:extLst>
          </p:cNvPr>
          <p:cNvSpPr>
            <a:spLocks noGrp="1"/>
          </p:cNvSpPr>
          <p:nvPr>
            <p:ph type="dt" sz="half" idx="10"/>
          </p:nvPr>
        </p:nvSpPr>
        <p:spPr/>
        <p:txBody>
          <a:bodyPr/>
          <a:lstStyle/>
          <a:p>
            <a:fld id="{5510FFE0-28BF-49CC-8C5D-986A87AEEC93}" type="datetime2">
              <a:rPr lang="da-DK" smtClean="0"/>
              <a:t>11. september 2024</a:t>
            </a:fld>
            <a:endParaRPr lang="da-DK" dirty="0"/>
          </a:p>
        </p:txBody>
      </p:sp>
      <p:sp>
        <p:nvSpPr>
          <p:cNvPr id="3" name="Pladsholder til sidefod 2" hidden="1">
            <a:extLst>
              <a:ext uri="{FF2B5EF4-FFF2-40B4-BE49-F238E27FC236}">
                <a16:creationId xmlns:a16="http://schemas.microsoft.com/office/drawing/2014/main" id="{12DB7BA1-03F5-06D0-E1AA-1FCBE804A9E4}"/>
              </a:ext>
            </a:extLst>
          </p:cNvPr>
          <p:cNvSpPr>
            <a:spLocks noGrp="1"/>
          </p:cNvSpPr>
          <p:nvPr>
            <p:ph type="ftr" sz="quarter" idx="11"/>
          </p:nvPr>
        </p:nvSpPr>
        <p:spPr/>
        <p:txBody>
          <a:bodyPr/>
          <a:lstStyle/>
          <a:p>
            <a:endParaRPr lang="da-DK" dirty="0"/>
          </a:p>
        </p:txBody>
      </p:sp>
      <p:sp>
        <p:nvSpPr>
          <p:cNvPr id="4" name="Pladsholder til slidenummer 3" hidden="1">
            <a:extLst>
              <a:ext uri="{FF2B5EF4-FFF2-40B4-BE49-F238E27FC236}">
                <a16:creationId xmlns:a16="http://schemas.microsoft.com/office/drawing/2014/main" id="{3C4564E3-4D4A-8A2A-0722-87B91F841F8D}"/>
              </a:ext>
            </a:extLst>
          </p:cNvPr>
          <p:cNvSpPr>
            <a:spLocks noGrp="1"/>
          </p:cNvSpPr>
          <p:nvPr>
            <p:ph type="sldNum" sz="quarter" idx="1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615607565"/>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CB7367D3-674B-48D7-95F9-EAC3851C3AF4}" type="datetime2">
              <a:rPr lang="da-DK" smtClean="0"/>
              <a:t>11. september 2024</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da-DK" smtClean="0"/>
              <a:pPr/>
              <a:t>‹#›</a:t>
            </a:fld>
            <a:endParaRPr lang="da-DK" dirty="0"/>
          </a:p>
        </p:txBody>
      </p:sp>
      <p:sp>
        <p:nvSpPr>
          <p:cNvPr id="3" name="Text Box 3">
            <a:extLst>
              <a:ext uri="{FF2B5EF4-FFF2-40B4-BE49-F238E27FC236}">
                <a16:creationId xmlns:a16="http://schemas.microsoft.com/office/drawing/2014/main" id="{568FD9F8-7382-3BB1-E4DA-EF098D67DE3A}"/>
              </a:ext>
            </a:extLst>
          </p:cNvPr>
          <p:cNvSpPr txBox="1">
            <a:spLocks noChangeArrowheads="1"/>
          </p:cNvSpPr>
          <p:nvPr userDrawn="1"/>
        </p:nvSpPr>
        <p:spPr bwMode="auto">
          <a:xfrm>
            <a:off x="9540902" y="1166821"/>
            <a:ext cx="1678119"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altLang="da-DK" sz="1200" b="0" noProof="1">
                <a:solidFill>
                  <a:schemeClr val="tx1"/>
                </a:solidFill>
                <a:latin typeface="+mn-lt"/>
                <a:cs typeface="Arial" panose="020B0604020202020204" pitchFamily="34" charset="0"/>
              </a:rPr>
              <a:t>COPY/PASTE INDHOLD</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a:t>
            </a:r>
            <a:r>
              <a:rPr lang="da-DK" altLang="da-DK" sz="900" b="0" noProof="1">
                <a:solidFill>
                  <a:srgbClr val="000000"/>
                </a:solidFill>
                <a:latin typeface="+mn-lt"/>
                <a:cs typeface="Arial" panose="020B0604020202020204" pitchFamily="34" charset="0"/>
              </a:rPr>
              <a:t>Når din præsentation er klar, åbner du en tom præsentation (tryk Ctrl+N). Kopier alle dias fra den nye præsentation, indsæt dem i den tomme præsentation. Dette vil sikre, at der ikke er ekstra layouts</a:t>
            </a:r>
            <a:endParaRPr lang="da-DK" altLang="da-DK" sz="900" b="0"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b="0" kern="1200" dirty="0">
                <a:solidFill>
                  <a:schemeClr val="tx1"/>
                </a:solidFill>
                <a:latin typeface="+mn-lt"/>
                <a:ea typeface="+mn-ea"/>
                <a:cs typeface="Arial" panose="020B0604020202020204" pitchFamily="34" charset="0"/>
              </a:rPr>
              <a:t>Farver</a:t>
            </a:r>
            <a:br>
              <a:rPr lang="da-DK" sz="1200" b="0" kern="1200" noProof="1">
                <a:solidFill>
                  <a:schemeClr val="tx1"/>
                </a:solidFill>
                <a:latin typeface="+mn-lt"/>
                <a:ea typeface="+mn-ea"/>
                <a:cs typeface="Arial" panose="020B0604020202020204" pitchFamily="34" charset="0"/>
              </a:rPr>
            </a:br>
            <a:r>
              <a:rPr lang="da-DK" altLang="da-DK" sz="898" b="0" kern="1200" noProof="1">
                <a:solidFill>
                  <a:schemeClr val="tx1"/>
                </a:solidFill>
                <a:latin typeface="+mn-lt"/>
                <a:ea typeface="+mn-ea"/>
                <a:cs typeface="Arial" panose="020B0604020202020204" pitchFamily="34" charset="0"/>
              </a:rPr>
              <a:t>Brug kun de øverste farver i Temafarver og jeres Bruger-definerede farver</a:t>
            </a:r>
            <a:endParaRPr lang="da-DK" altLang="da-DK" sz="673" b="0" kern="1200" noProof="1">
              <a:solidFill>
                <a:schemeClr val="tx1"/>
              </a:solidFill>
              <a:latin typeface="+mn-lt"/>
              <a:ea typeface="+mn-ea"/>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9" name="Text Box 3">
            <a:extLst>
              <a:ext uri="{FF2B5EF4-FFF2-40B4-BE49-F238E27FC236}">
                <a16:creationId xmlns:a16="http://schemas.microsoft.com/office/drawing/2014/main" id="{B11F7A6F-088A-FC38-D8CA-09B99F42C331}"/>
              </a:ext>
            </a:extLst>
          </p:cNvPr>
          <p:cNvSpPr txBox="1">
            <a:spLocks noChangeArrowheads="1"/>
          </p:cNvSpPr>
          <p:nvPr userDrawn="1"/>
        </p:nvSpPr>
        <p:spPr bwMode="auto">
          <a:xfrm>
            <a:off x="3614300" y="1209600"/>
            <a:ext cx="2016000" cy="50212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200" dirty="0">
                <a:latin typeface="+mn-lt"/>
                <a:cs typeface="Arial" panose="020B0604020202020204" pitchFamily="34" charset="0"/>
              </a:rPr>
              <a:t>BILLEDER</a:t>
            </a:r>
            <a:br>
              <a:rPr lang="da-DK" sz="1600" dirty="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 hvis Templafy vinduet ikke er i højre side.</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Vælg billedepladsholder ved at klikke på rammen (helt ude i kant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3.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billeder</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Du kan søge efter billeder i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øge feltet</a:t>
            </a:r>
            <a:br>
              <a:rPr lang="da-DK" altLang="da-DK" sz="900" b="0" noProof="1">
                <a:solidFill>
                  <a:schemeClr val="tx1"/>
                </a:solidFill>
                <a:latin typeface="+mn-lt"/>
                <a:cs typeface="Arial" panose="020B0604020202020204" pitchFamily="34" charset="0"/>
              </a:rPr>
            </a:b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dirty="0"/>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dirty="0"/>
          </a:p>
        </p:txBody>
      </p:sp>
      <p:sp>
        <p:nvSpPr>
          <p:cNvPr id="10" name="Text Box 3">
            <a:extLst>
              <a:ext uri="{FF2B5EF4-FFF2-40B4-BE49-F238E27FC236}">
                <a16:creationId xmlns:a16="http://schemas.microsoft.com/office/drawing/2014/main" id="{911320DA-CD5F-674B-6AE0-27EE25CD8C82}"/>
              </a:ext>
            </a:extLst>
          </p:cNvPr>
          <p:cNvSpPr txBox="1">
            <a:spLocks noChangeArrowheads="1"/>
          </p:cNvSpPr>
          <p:nvPr userDrawn="1"/>
        </p:nvSpPr>
        <p:spPr bwMode="auto">
          <a:xfrm>
            <a:off x="6559058" y="1209600"/>
            <a:ext cx="1883535"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LIDES &amp; SLIDE ELEMENTS</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sz="900" b="0" kern="1200" baseline="0" dirty="0">
                <a:solidFill>
                  <a:schemeClr val="tx1"/>
                </a:solidFill>
                <a:latin typeface="+mn-lt"/>
                <a:ea typeface="+mn-ea"/>
                <a:cs typeface="Arial" panose="020B0604020202020204" pitchFamily="34" charset="0"/>
              </a:rPr>
              <a:t>Indsæt prædefineret slides og slideselementer fra Templafy knappen. Vælg Slides og Slide elements fra dropdown menuen eller knapperne i Templafy vinduet i højre side af skærm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sz="1200" dirty="0">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IDEHOVED &amp; -FOD</a:t>
            </a:r>
            <a:endParaRPr lang="da-DK" altLang="da-DK" sz="12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et enkelt slide</a:t>
            </a:r>
            <a:endParaRPr lang="da-DK" dirty="0"/>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1200" kern="1200" dirty="0">
                <a:solidFill>
                  <a:schemeClr val="tx1"/>
                </a:solidFill>
                <a:latin typeface="+mn-lt"/>
                <a:ea typeface="+mn-ea"/>
                <a:cs typeface="Arial" panose="020B0604020202020204" pitchFamily="34" charset="0"/>
              </a:rPr>
              <a:t>HJÆLPELINJER</a:t>
            </a:r>
            <a:endParaRPr lang="da-DK" altLang="da-DK" sz="1200" kern="1200" noProof="1">
              <a:solidFill>
                <a:schemeClr val="tx1"/>
              </a:solidFill>
              <a:latin typeface="+mn-lt"/>
              <a:ea typeface="+mn-ea"/>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dirty="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dirty="0"/>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11" name="Text Box 2">
            <a:extLst>
              <a:ext uri="{FF2B5EF4-FFF2-40B4-BE49-F238E27FC236}">
                <a16:creationId xmlns:a16="http://schemas.microsoft.com/office/drawing/2014/main" id="{046033EE-C9B4-1990-C42B-9397C107EF26}"/>
              </a:ext>
            </a:extLst>
          </p:cNvPr>
          <p:cNvSpPr txBox="1">
            <a:spLocks noChangeArrowheads="1"/>
          </p:cNvSpPr>
          <p:nvPr userDrawn="1"/>
        </p:nvSpPr>
        <p:spPr bwMode="auto">
          <a:xfrm>
            <a:off x="657735" y="1209600"/>
            <a:ext cx="1859179" cy="492500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TYPOGRAFIER</a:t>
            </a:r>
            <a:endParaRPr lang="da-DK" altLang="da-DK" sz="12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br>
              <a:rPr lang="da-DK" sz="900" b="1" baseline="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ætte korrekt bullet igen.</a:t>
            </a:r>
            <a:br>
              <a:rPr lang="da-DK" altLang="da-DK" sz="900" b="0" noProof="1">
                <a:solidFill>
                  <a:schemeClr val="tx1"/>
                </a:solidFill>
                <a:latin typeface="+mn-lt"/>
                <a:cs typeface="Arial" panose="020B0604020202020204" pitchFamily="34" charset="0"/>
              </a:rPr>
            </a:b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LIDES &amp; LAYOUTS</a:t>
            </a:r>
            <a:br>
              <a:rPr lang="da-DK" sz="1200" dirty="0">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endParaRPr lang="da-DK"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endParaRPr lang="da-DK"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13" name="Billede 12">
            <a:extLst>
              <a:ext uri="{FF2B5EF4-FFF2-40B4-BE49-F238E27FC236}">
                <a16:creationId xmlns:a16="http://schemas.microsoft.com/office/drawing/2014/main" id="{82D09ABA-46E9-2EAB-1CC9-362F41D47A69}"/>
              </a:ext>
            </a:extLst>
          </p:cNvPr>
          <p:cNvPicPr>
            <a:picLocks noChangeAspect="1"/>
          </p:cNvPicPr>
          <p:nvPr userDrawn="1"/>
        </p:nvPicPr>
        <p:blipFill>
          <a:blip r:embed="rId2"/>
          <a:stretch>
            <a:fillRect/>
          </a:stretch>
        </p:blipFill>
        <p:spPr>
          <a:xfrm>
            <a:off x="2748074" y="3933919"/>
            <a:ext cx="308589" cy="528030"/>
          </a:xfrm>
          <a:prstGeom prst="rect">
            <a:avLst/>
          </a:prstGeom>
        </p:spPr>
      </p:pic>
      <p:pic>
        <p:nvPicPr>
          <p:cNvPr id="14" name="Billede 13">
            <a:extLst>
              <a:ext uri="{FF2B5EF4-FFF2-40B4-BE49-F238E27FC236}">
                <a16:creationId xmlns:a16="http://schemas.microsoft.com/office/drawing/2014/main" id="{B412C8C2-D661-A62C-CC02-CB19DBBF6D25}"/>
              </a:ext>
            </a:extLst>
          </p:cNvPr>
          <p:cNvPicPr>
            <a:picLocks noChangeAspect="1"/>
          </p:cNvPicPr>
          <p:nvPr userDrawn="1"/>
        </p:nvPicPr>
        <p:blipFill rotWithShape="1">
          <a:blip r:embed="rId3"/>
          <a:srcRect l="3031"/>
          <a:stretch/>
        </p:blipFill>
        <p:spPr>
          <a:xfrm>
            <a:off x="2654040" y="5512534"/>
            <a:ext cx="496606" cy="172842"/>
          </a:xfrm>
          <a:prstGeom prst="rect">
            <a:avLst/>
          </a:prstGeom>
        </p:spPr>
      </p:pic>
      <p:pic>
        <p:nvPicPr>
          <p:cNvPr id="15" name="Picture 33">
            <a:extLst>
              <a:ext uri="{FF2B5EF4-FFF2-40B4-BE49-F238E27FC236}">
                <a16:creationId xmlns:a16="http://schemas.microsoft.com/office/drawing/2014/main" id="{66CE6200-470B-B94B-92C1-09333B3794BD}"/>
              </a:ext>
            </a:extLst>
          </p:cNvPr>
          <p:cNvPicPr>
            <a:picLocks noChangeAspect="1"/>
          </p:cNvPicPr>
          <p:nvPr userDrawn="1"/>
        </p:nvPicPr>
        <p:blipFill rotWithShape="1">
          <a:blip r:embed="rId4"/>
          <a:srcRect l="3901" t="45142" r="62601" b="9046"/>
          <a:stretch/>
        </p:blipFill>
        <p:spPr>
          <a:xfrm>
            <a:off x="5653432" y="3638578"/>
            <a:ext cx="341204" cy="321707"/>
          </a:xfrm>
          <a:prstGeom prst="rect">
            <a:avLst/>
          </a:prstGeom>
        </p:spPr>
      </p:pic>
      <p:pic>
        <p:nvPicPr>
          <p:cNvPr id="16" name="Billede 15">
            <a:extLst>
              <a:ext uri="{FF2B5EF4-FFF2-40B4-BE49-F238E27FC236}">
                <a16:creationId xmlns:a16="http://schemas.microsoft.com/office/drawing/2014/main" id="{57F8E778-FA94-C464-F2DE-AD49BEC4C46D}"/>
              </a:ext>
            </a:extLst>
          </p:cNvPr>
          <p:cNvPicPr>
            <a:picLocks noChangeAspect="1"/>
          </p:cNvPicPr>
          <p:nvPr userDrawn="1"/>
        </p:nvPicPr>
        <p:blipFill>
          <a:blip r:embed="rId5"/>
          <a:stretch>
            <a:fillRect/>
          </a:stretch>
        </p:blipFill>
        <p:spPr>
          <a:xfrm>
            <a:off x="5679590" y="4501858"/>
            <a:ext cx="366043" cy="480431"/>
          </a:xfrm>
          <a:prstGeom prst="rect">
            <a:avLst/>
          </a:prstGeom>
        </p:spPr>
      </p:pic>
      <p:sp>
        <p:nvSpPr>
          <p:cNvPr id="17" name="Fast overskrift">
            <a:extLst>
              <a:ext uri="{FF2B5EF4-FFF2-40B4-BE49-F238E27FC236}">
                <a16:creationId xmlns:a16="http://schemas.microsoft.com/office/drawing/2014/main" id="{ED54B34D-FE13-7F06-4D15-FE30FDBFFAD1}"/>
              </a:ext>
            </a:extLst>
          </p:cNvPr>
          <p:cNvSpPr txBox="1"/>
          <p:nvPr userDrawn="1"/>
        </p:nvSpPr>
        <p:spPr>
          <a:xfrm>
            <a:off x="647700" y="448713"/>
            <a:ext cx="10895013" cy="650171"/>
          </a:xfrm>
          <a:prstGeom prst="rect">
            <a:avLst/>
          </a:prstGeom>
          <a:noFill/>
        </p:spPr>
        <p:txBody>
          <a:bodyPr wrap="square" lIns="0" tIns="0" rIns="0" bIns="0" rtlCol="0" anchor="t" anchorCtr="0">
            <a:noAutofit/>
          </a:bodyPr>
          <a:lstStyle/>
          <a:p>
            <a:r>
              <a:rPr lang="da-DK" sz="3200" b="0" noProof="1">
                <a:solidFill>
                  <a:schemeClr val="tx1"/>
                </a:solidFill>
                <a:latin typeface="+mj-lt"/>
                <a:cs typeface="Arial" panose="020B0604020202020204" pitchFamily="34" charset="0"/>
              </a:rPr>
              <a:t>TIPS &amp; TRICKS - DIN BRUGERGUIDE</a:t>
            </a:r>
            <a:endParaRPr lang="da-DK" dirty="0"/>
          </a:p>
        </p:txBody>
      </p:sp>
      <p:pic>
        <p:nvPicPr>
          <p:cNvPr id="18" name="Billede 17">
            <a:extLst>
              <a:ext uri="{FF2B5EF4-FFF2-40B4-BE49-F238E27FC236}">
                <a16:creationId xmlns:a16="http://schemas.microsoft.com/office/drawing/2014/main" id="{116A7F14-DA1D-3132-1DFB-E0DFECB127F3}"/>
              </a:ext>
            </a:extLst>
          </p:cNvPr>
          <p:cNvPicPr>
            <a:picLocks noChangeAspect="1"/>
          </p:cNvPicPr>
          <p:nvPr userDrawn="1"/>
        </p:nvPicPr>
        <p:blipFill>
          <a:blip r:embed="rId6"/>
          <a:stretch>
            <a:fillRect/>
          </a:stretch>
        </p:blipFill>
        <p:spPr>
          <a:xfrm>
            <a:off x="8570357" y="3649190"/>
            <a:ext cx="440195" cy="543366"/>
          </a:xfrm>
          <a:prstGeom prst="rect">
            <a:avLst/>
          </a:prstGeom>
        </p:spPr>
      </p:pic>
      <p:grpSp>
        <p:nvGrpSpPr>
          <p:cNvPr id="19" name="Group 1">
            <a:extLst>
              <a:ext uri="{FF2B5EF4-FFF2-40B4-BE49-F238E27FC236}">
                <a16:creationId xmlns:a16="http://schemas.microsoft.com/office/drawing/2014/main" id="{CB292B6F-9509-350B-834A-400AD5D55145}"/>
              </a:ext>
            </a:extLst>
          </p:cNvPr>
          <p:cNvGrpSpPr/>
          <p:nvPr userDrawn="1"/>
        </p:nvGrpSpPr>
        <p:grpSpPr>
          <a:xfrm>
            <a:off x="5625443" y="1602450"/>
            <a:ext cx="473069" cy="697509"/>
            <a:chOff x="5582343" y="1833040"/>
            <a:chExt cx="676669" cy="997704"/>
          </a:xfrm>
        </p:grpSpPr>
        <p:pic>
          <p:nvPicPr>
            <p:cNvPr id="20" name="Billede 26">
              <a:extLst>
                <a:ext uri="{FF2B5EF4-FFF2-40B4-BE49-F238E27FC236}">
                  <a16:creationId xmlns:a16="http://schemas.microsoft.com/office/drawing/2014/main" id="{B9B32A5B-0148-38D7-0B10-65EDF226DBED}"/>
                </a:ext>
              </a:extLst>
            </p:cNvPr>
            <p:cNvPicPr>
              <a:picLocks noChangeAspect="1"/>
            </p:cNvPicPr>
            <p:nvPr userDrawn="1"/>
          </p:nvPicPr>
          <p:blipFill>
            <a:blip r:embed="rId7"/>
            <a:stretch>
              <a:fillRect/>
            </a:stretch>
          </p:blipFill>
          <p:spPr>
            <a:xfrm>
              <a:off x="5582343" y="1833040"/>
              <a:ext cx="305786" cy="365851"/>
            </a:xfrm>
            <a:prstGeom prst="rect">
              <a:avLst/>
            </a:prstGeom>
          </p:spPr>
        </p:pic>
        <p:pic>
          <p:nvPicPr>
            <p:cNvPr id="21" name="Billede 37">
              <a:extLst>
                <a:ext uri="{FF2B5EF4-FFF2-40B4-BE49-F238E27FC236}">
                  <a16:creationId xmlns:a16="http://schemas.microsoft.com/office/drawing/2014/main" id="{52AFAD94-7AF4-F5F5-4493-89D9D4706787}"/>
                </a:ext>
              </a:extLst>
            </p:cNvPr>
            <p:cNvPicPr>
              <a:picLocks noChangeAspect="1"/>
            </p:cNvPicPr>
            <p:nvPr userDrawn="1"/>
          </p:nvPicPr>
          <p:blipFill rotWithShape="1">
            <a:blip r:embed="rId8"/>
            <a:srcRect l="1432" t="16308" r="2422" b="1509"/>
            <a:stretch/>
          </p:blipFill>
          <p:spPr>
            <a:xfrm>
              <a:off x="5584159" y="2202255"/>
              <a:ext cx="674853" cy="628489"/>
            </a:xfrm>
            <a:prstGeom prst="rect">
              <a:avLst/>
            </a:prstGeom>
            <a:ln w="3175">
              <a:solidFill>
                <a:schemeClr val="bg1">
                  <a:lumMod val="95000"/>
                </a:schemeClr>
              </a:solidFill>
            </a:ln>
          </p:spPr>
        </p:pic>
      </p:grpSp>
      <p:pic>
        <p:nvPicPr>
          <p:cNvPr id="24" name="Picture 2" descr="C:\Users\MAV~1.SKA\AppData\Local\Temp\SNAGHTMLe48c1e.PNG">
            <a:extLst>
              <a:ext uri="{FF2B5EF4-FFF2-40B4-BE49-F238E27FC236}">
                <a16:creationId xmlns:a16="http://schemas.microsoft.com/office/drawing/2014/main" id="{1C42B114-65E3-B91E-A803-3C8991BA1103}"/>
              </a:ext>
            </a:extLst>
          </p:cNvPr>
          <p:cNvPicPr>
            <a:picLocks noChangeAspect="1" noChangeArrowheads="1"/>
          </p:cNvPicPr>
          <p:nvPr userDrawn="1"/>
        </p:nvPicPr>
        <p:blipFill>
          <a:blip r:embed="rId9">
            <a:extLst>
              <a:ext uri="{28A0092B-C50C-407E-A947-70E740481C1C}">
                <a14:useLocalDpi xmlns:a14="http://schemas.microsoft.com/office/drawing/2010/main" val="0"/>
              </a:ext>
            </a:extLst>
          </a:blip>
          <a:srcRect/>
          <a:stretch>
            <a:fillRect/>
          </a:stretch>
        </p:blipFill>
        <p:spPr bwMode="auto">
          <a:xfrm>
            <a:off x="8559732" y="1602450"/>
            <a:ext cx="514799" cy="770262"/>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9">
            <a:extLst>
              <a:ext uri="{FF2B5EF4-FFF2-40B4-BE49-F238E27FC236}">
                <a16:creationId xmlns:a16="http://schemas.microsoft.com/office/drawing/2014/main" id="{31A52162-9A87-0E22-6338-9F3F1B1D63FF}"/>
              </a:ext>
            </a:extLst>
          </p:cNvPr>
          <p:cNvPicPr>
            <a:picLocks noChangeAspect="1"/>
          </p:cNvPicPr>
          <p:nvPr userDrawn="1"/>
        </p:nvPicPr>
        <p:blipFill>
          <a:blip r:embed="rId10"/>
          <a:stretch>
            <a:fillRect/>
          </a:stretch>
        </p:blipFill>
        <p:spPr>
          <a:xfrm>
            <a:off x="2687184" y="2430525"/>
            <a:ext cx="457143" cy="257143"/>
          </a:xfrm>
          <a:prstGeom prst="rect">
            <a:avLst/>
          </a:prstGeom>
        </p:spPr>
      </p:pic>
      <p:pic>
        <p:nvPicPr>
          <p:cNvPr id="27" name="Picture 64">
            <a:extLst>
              <a:ext uri="{FF2B5EF4-FFF2-40B4-BE49-F238E27FC236}">
                <a16:creationId xmlns:a16="http://schemas.microsoft.com/office/drawing/2014/main" id="{2643CFC0-FE9F-1E1C-B667-C585DF839B02}"/>
              </a:ext>
            </a:extLst>
          </p:cNvPr>
          <p:cNvPicPr>
            <a:picLocks noChangeAspect="1"/>
          </p:cNvPicPr>
          <p:nvPr userDrawn="1"/>
        </p:nvPicPr>
        <p:blipFill>
          <a:blip r:embed="rId11"/>
          <a:stretch>
            <a:fillRect/>
          </a:stretch>
        </p:blipFill>
        <p:spPr>
          <a:xfrm>
            <a:off x="2679156" y="4742074"/>
            <a:ext cx="475428" cy="176762"/>
          </a:xfrm>
          <a:prstGeom prst="rect">
            <a:avLst/>
          </a:prstGeom>
        </p:spPr>
      </p:pic>
      <p:pic>
        <p:nvPicPr>
          <p:cNvPr id="29" name="Picture 2">
            <a:extLst>
              <a:ext uri="{FF2B5EF4-FFF2-40B4-BE49-F238E27FC236}">
                <a16:creationId xmlns:a16="http://schemas.microsoft.com/office/drawing/2014/main" id="{028DF4AA-A5A9-BA4A-BD41-D16AF99D3B59}"/>
              </a:ext>
            </a:extLst>
          </p:cNvPr>
          <p:cNvPicPr>
            <a:picLocks noChangeAspect="1"/>
          </p:cNvPicPr>
          <p:nvPr userDrawn="1"/>
        </p:nvPicPr>
        <p:blipFill>
          <a:blip r:embed="rId12"/>
          <a:stretch>
            <a:fillRect/>
          </a:stretch>
        </p:blipFill>
        <p:spPr>
          <a:xfrm>
            <a:off x="2748075" y="3050416"/>
            <a:ext cx="311940" cy="346599"/>
          </a:xfrm>
          <a:prstGeom prst="rect">
            <a:avLst/>
          </a:prstGeom>
        </p:spPr>
      </p:pic>
      <p:grpSp>
        <p:nvGrpSpPr>
          <p:cNvPr id="32" name="Gruppe 31">
            <a:extLst>
              <a:ext uri="{FF2B5EF4-FFF2-40B4-BE49-F238E27FC236}">
                <a16:creationId xmlns:a16="http://schemas.microsoft.com/office/drawing/2014/main" id="{FC2F6961-00D3-F436-E8B5-D223D62AA745}"/>
              </a:ext>
            </a:extLst>
          </p:cNvPr>
          <p:cNvGrpSpPr/>
          <p:nvPr userDrawn="1"/>
        </p:nvGrpSpPr>
        <p:grpSpPr>
          <a:xfrm>
            <a:off x="9570057" y="4830455"/>
            <a:ext cx="927343" cy="1578832"/>
            <a:chOff x="9563003" y="4406283"/>
            <a:chExt cx="1014851" cy="1727817"/>
          </a:xfrm>
        </p:grpSpPr>
        <p:pic>
          <p:nvPicPr>
            <p:cNvPr id="33" name="Billede 32">
              <a:extLst>
                <a:ext uri="{FF2B5EF4-FFF2-40B4-BE49-F238E27FC236}">
                  <a16:creationId xmlns:a16="http://schemas.microsoft.com/office/drawing/2014/main" id="{18222481-34D2-4B11-D683-22016351E1C2}"/>
                </a:ext>
              </a:extLst>
            </p:cNvPr>
            <p:cNvPicPr>
              <a:picLocks noChangeAspect="1"/>
            </p:cNvPicPr>
            <p:nvPr userDrawn="1"/>
          </p:nvPicPr>
          <p:blipFill rotWithShape="1">
            <a:blip r:embed="rId13"/>
            <a:srcRect b="16944"/>
            <a:stretch/>
          </p:blipFill>
          <p:spPr>
            <a:xfrm>
              <a:off x="9563003" y="4406283"/>
              <a:ext cx="1002694" cy="1727817"/>
            </a:xfrm>
            <a:prstGeom prst="rect">
              <a:avLst/>
            </a:prstGeom>
          </p:spPr>
        </p:pic>
        <p:sp>
          <p:nvSpPr>
            <p:cNvPr id="35" name="Rectangle 51">
              <a:extLst>
                <a:ext uri="{FF2B5EF4-FFF2-40B4-BE49-F238E27FC236}">
                  <a16:creationId xmlns:a16="http://schemas.microsoft.com/office/drawing/2014/main" id="{BD472571-0114-1975-F595-FCA1E72B8BE9}"/>
                </a:ext>
              </a:extLst>
            </p:cNvPr>
            <p:cNvSpPr/>
            <p:nvPr userDrawn="1"/>
          </p:nvSpPr>
          <p:spPr>
            <a:xfrm>
              <a:off x="9575644" y="4569041"/>
              <a:ext cx="988783" cy="133165"/>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6" dirty="0" err="1"/>
            </a:p>
          </p:txBody>
        </p:sp>
        <p:grpSp>
          <p:nvGrpSpPr>
            <p:cNvPr id="37" name="Gruppe 36">
              <a:extLst>
                <a:ext uri="{FF2B5EF4-FFF2-40B4-BE49-F238E27FC236}">
                  <a16:creationId xmlns:a16="http://schemas.microsoft.com/office/drawing/2014/main" id="{272AD605-6BF3-BDC0-ABA3-1D72C5FD2DB6}"/>
                </a:ext>
              </a:extLst>
            </p:cNvPr>
            <p:cNvGrpSpPr/>
            <p:nvPr userDrawn="1"/>
          </p:nvGrpSpPr>
          <p:grpSpPr>
            <a:xfrm>
              <a:off x="9584924" y="4747897"/>
              <a:ext cx="992930" cy="402799"/>
              <a:chOff x="9568024" y="4815440"/>
              <a:chExt cx="1249527" cy="506891"/>
            </a:xfrm>
          </p:grpSpPr>
          <p:cxnSp>
            <p:nvCxnSpPr>
              <p:cNvPr id="48" name="Straight Connector 52">
                <a:extLst>
                  <a:ext uri="{FF2B5EF4-FFF2-40B4-BE49-F238E27FC236}">
                    <a16:creationId xmlns:a16="http://schemas.microsoft.com/office/drawing/2014/main" id="{8193D6AB-3339-DC63-8D63-3A95A1866B39}"/>
                  </a:ext>
                </a:extLst>
              </p:cNvPr>
              <p:cNvCxnSpPr>
                <a:cxnSpLocks/>
              </p:cNvCxnSpPr>
              <p:nvPr userDrawn="1"/>
            </p:nvCxnSpPr>
            <p:spPr>
              <a:xfrm>
                <a:off x="9568024" y="4815440"/>
                <a:ext cx="1249527" cy="506891"/>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50" name="Straight Connector 53">
                <a:extLst>
                  <a:ext uri="{FF2B5EF4-FFF2-40B4-BE49-F238E27FC236}">
                    <a16:creationId xmlns:a16="http://schemas.microsoft.com/office/drawing/2014/main" id="{AF3549FB-8B33-0992-E724-F9082308A049}"/>
                  </a:ext>
                </a:extLst>
              </p:cNvPr>
              <p:cNvCxnSpPr>
                <a:cxnSpLocks/>
              </p:cNvCxnSpPr>
              <p:nvPr userDrawn="1"/>
            </p:nvCxnSpPr>
            <p:spPr>
              <a:xfrm flipV="1">
                <a:off x="9568024" y="4821266"/>
                <a:ext cx="1235300" cy="50106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grpSp>
          <p:nvGrpSpPr>
            <p:cNvPr id="40" name="Gruppe 39">
              <a:extLst>
                <a:ext uri="{FF2B5EF4-FFF2-40B4-BE49-F238E27FC236}">
                  <a16:creationId xmlns:a16="http://schemas.microsoft.com/office/drawing/2014/main" id="{F7D3E181-D486-8097-BDB1-B3B673E2F6CF}"/>
                </a:ext>
              </a:extLst>
            </p:cNvPr>
            <p:cNvGrpSpPr/>
            <p:nvPr userDrawn="1"/>
          </p:nvGrpSpPr>
          <p:grpSpPr>
            <a:xfrm>
              <a:off x="9593401" y="5998346"/>
              <a:ext cx="958854" cy="95494"/>
              <a:chOff x="9575645" y="6130879"/>
              <a:chExt cx="1232621" cy="122759"/>
            </a:xfrm>
          </p:grpSpPr>
          <p:cxnSp>
            <p:nvCxnSpPr>
              <p:cNvPr id="42" name="Straight Connector 54">
                <a:extLst>
                  <a:ext uri="{FF2B5EF4-FFF2-40B4-BE49-F238E27FC236}">
                    <a16:creationId xmlns:a16="http://schemas.microsoft.com/office/drawing/2014/main" id="{3252C7FB-A823-FDAC-5E63-A75BD9527122}"/>
                  </a:ext>
                </a:extLst>
              </p:cNvPr>
              <p:cNvCxnSpPr>
                <a:cxnSpLocks/>
              </p:cNvCxnSpPr>
              <p:nvPr userDrawn="1"/>
            </p:nvCxnSpPr>
            <p:spPr>
              <a:xfrm>
                <a:off x="9575645" y="6130879"/>
                <a:ext cx="1229914" cy="12275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5" name="Straight Connector 55">
                <a:extLst>
                  <a:ext uri="{FF2B5EF4-FFF2-40B4-BE49-F238E27FC236}">
                    <a16:creationId xmlns:a16="http://schemas.microsoft.com/office/drawing/2014/main" id="{D7A6292C-68E7-6807-502B-637FC6A83C89}"/>
                  </a:ext>
                </a:extLst>
              </p:cNvPr>
              <p:cNvCxnSpPr>
                <a:cxnSpLocks/>
              </p:cNvCxnSpPr>
              <p:nvPr userDrawn="1"/>
            </p:nvCxnSpPr>
            <p:spPr>
              <a:xfrm flipV="1">
                <a:off x="9575645" y="6130880"/>
                <a:ext cx="1232621" cy="12275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1" name="Rectangle 51">
              <a:extLst>
                <a:ext uri="{FF2B5EF4-FFF2-40B4-BE49-F238E27FC236}">
                  <a16:creationId xmlns:a16="http://schemas.microsoft.com/office/drawing/2014/main" id="{27004CDE-31CC-CBE6-689B-3F1C4240BCC1}"/>
                </a:ext>
              </a:extLst>
            </p:cNvPr>
            <p:cNvSpPr/>
            <p:nvPr userDrawn="1"/>
          </p:nvSpPr>
          <p:spPr>
            <a:xfrm>
              <a:off x="9575644" y="5233387"/>
              <a:ext cx="988783" cy="575568"/>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6" dirty="0" err="1"/>
            </a:p>
          </p:txBody>
        </p:sp>
      </p:grpSp>
      <p:cxnSp>
        <p:nvCxnSpPr>
          <p:cNvPr id="51" name="Straight Connector 8">
            <a:extLst>
              <a:ext uri="{FF2B5EF4-FFF2-40B4-BE49-F238E27FC236}">
                <a16:creationId xmlns:a16="http://schemas.microsoft.com/office/drawing/2014/main" id="{19C9CDDD-5EAD-ADDF-FC3B-220732A39D03}"/>
              </a:ext>
            </a:extLst>
          </p:cNvPr>
          <p:cNvCxnSpPr>
            <a:cxnSpLocks/>
          </p:cNvCxnSpPr>
          <p:nvPr userDrawn="1"/>
        </p:nvCxnSpPr>
        <p:spPr>
          <a:xfrm>
            <a:off x="3249649" y="1240357"/>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7" name="Straight Connector 12">
            <a:extLst>
              <a:ext uri="{FF2B5EF4-FFF2-40B4-BE49-F238E27FC236}">
                <a16:creationId xmlns:a16="http://schemas.microsoft.com/office/drawing/2014/main" id="{34644ACD-A5CF-2875-4403-FDE6BA819B2A}"/>
              </a:ext>
            </a:extLst>
          </p:cNvPr>
          <p:cNvCxnSpPr>
            <a:cxnSpLocks/>
          </p:cNvCxnSpPr>
          <p:nvPr userDrawn="1"/>
        </p:nvCxnSpPr>
        <p:spPr>
          <a:xfrm>
            <a:off x="2585274" y="1240357"/>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8" name="Straight Connector 14">
            <a:extLst>
              <a:ext uri="{FF2B5EF4-FFF2-40B4-BE49-F238E27FC236}">
                <a16:creationId xmlns:a16="http://schemas.microsoft.com/office/drawing/2014/main" id="{0E63BC5D-60E5-7DDF-8751-92422DB20CF1}"/>
              </a:ext>
            </a:extLst>
          </p:cNvPr>
          <p:cNvCxnSpPr>
            <a:cxnSpLocks/>
          </p:cNvCxnSpPr>
          <p:nvPr userDrawn="1"/>
        </p:nvCxnSpPr>
        <p:spPr>
          <a:xfrm>
            <a:off x="6199484" y="1240357"/>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9" name="Straight Connector 15">
            <a:extLst>
              <a:ext uri="{FF2B5EF4-FFF2-40B4-BE49-F238E27FC236}">
                <a16:creationId xmlns:a16="http://schemas.microsoft.com/office/drawing/2014/main" id="{4A3A0D13-937F-28E2-9660-D0542682D199}"/>
              </a:ext>
            </a:extLst>
          </p:cNvPr>
          <p:cNvCxnSpPr>
            <a:cxnSpLocks/>
          </p:cNvCxnSpPr>
          <p:nvPr userDrawn="1"/>
        </p:nvCxnSpPr>
        <p:spPr>
          <a:xfrm>
            <a:off x="5535109" y="1240357"/>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0" name="Straight Connector 68">
            <a:extLst>
              <a:ext uri="{FF2B5EF4-FFF2-40B4-BE49-F238E27FC236}">
                <a16:creationId xmlns:a16="http://schemas.microsoft.com/office/drawing/2014/main" id="{F8C253B0-449D-5967-0269-F1BA0F0779C1}"/>
              </a:ext>
            </a:extLst>
          </p:cNvPr>
          <p:cNvCxnSpPr>
            <a:cxnSpLocks/>
          </p:cNvCxnSpPr>
          <p:nvPr userDrawn="1"/>
        </p:nvCxnSpPr>
        <p:spPr>
          <a:xfrm>
            <a:off x="9149319" y="1209600"/>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1" name="Straight Connector 69">
            <a:extLst>
              <a:ext uri="{FF2B5EF4-FFF2-40B4-BE49-F238E27FC236}">
                <a16:creationId xmlns:a16="http://schemas.microsoft.com/office/drawing/2014/main" id="{37457BFF-5C68-8EFE-7E9C-F5C743B63FB5}"/>
              </a:ext>
            </a:extLst>
          </p:cNvPr>
          <p:cNvCxnSpPr>
            <a:cxnSpLocks/>
          </p:cNvCxnSpPr>
          <p:nvPr userDrawn="1"/>
        </p:nvCxnSpPr>
        <p:spPr>
          <a:xfrm>
            <a:off x="8484944" y="1209600"/>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3" name="Straight Connector 73">
            <a:extLst>
              <a:ext uri="{FF2B5EF4-FFF2-40B4-BE49-F238E27FC236}">
                <a16:creationId xmlns:a16="http://schemas.microsoft.com/office/drawing/2014/main" id="{5233C6B9-FADA-DB57-1775-606C8BAA9FFA}"/>
              </a:ext>
            </a:extLst>
          </p:cNvPr>
          <p:cNvCxnSpPr>
            <a:cxnSpLocks/>
          </p:cNvCxnSpPr>
          <p:nvPr userDrawn="1"/>
        </p:nvCxnSpPr>
        <p:spPr>
          <a:xfrm>
            <a:off x="11466847" y="1209600"/>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5754489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1.r4w"/></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4.xml"/><Relationship Id="rId13" Type="http://schemas.openxmlformats.org/officeDocument/2006/relationships/slideLayout" Target="../slideLayouts/slideLayout59.xml"/><Relationship Id="rId18" Type="http://schemas.openxmlformats.org/officeDocument/2006/relationships/slideLayout" Target="../slideLayouts/slideLayout64.xml"/><Relationship Id="rId26" Type="http://schemas.openxmlformats.org/officeDocument/2006/relationships/slideLayout" Target="../slideLayouts/slideLayout72.xml"/><Relationship Id="rId39" Type="http://schemas.openxmlformats.org/officeDocument/2006/relationships/slideLayout" Target="../slideLayouts/slideLayout85.xml"/><Relationship Id="rId3" Type="http://schemas.openxmlformats.org/officeDocument/2006/relationships/slideLayout" Target="../slideLayouts/slideLayout49.xml"/><Relationship Id="rId21" Type="http://schemas.openxmlformats.org/officeDocument/2006/relationships/slideLayout" Target="../slideLayouts/slideLayout67.xml"/><Relationship Id="rId34" Type="http://schemas.openxmlformats.org/officeDocument/2006/relationships/slideLayout" Target="../slideLayouts/slideLayout80.xml"/><Relationship Id="rId42" Type="http://schemas.openxmlformats.org/officeDocument/2006/relationships/slideLayout" Target="../slideLayouts/slideLayout88.xml"/><Relationship Id="rId47" Type="http://schemas.openxmlformats.org/officeDocument/2006/relationships/theme" Target="../theme/theme2.xml"/><Relationship Id="rId7" Type="http://schemas.openxmlformats.org/officeDocument/2006/relationships/slideLayout" Target="../slideLayouts/slideLayout53.xml"/><Relationship Id="rId12" Type="http://schemas.openxmlformats.org/officeDocument/2006/relationships/slideLayout" Target="../slideLayouts/slideLayout58.xml"/><Relationship Id="rId17" Type="http://schemas.openxmlformats.org/officeDocument/2006/relationships/slideLayout" Target="../slideLayouts/slideLayout63.xml"/><Relationship Id="rId25" Type="http://schemas.openxmlformats.org/officeDocument/2006/relationships/slideLayout" Target="../slideLayouts/slideLayout71.xml"/><Relationship Id="rId33" Type="http://schemas.openxmlformats.org/officeDocument/2006/relationships/slideLayout" Target="../slideLayouts/slideLayout79.xml"/><Relationship Id="rId38" Type="http://schemas.openxmlformats.org/officeDocument/2006/relationships/slideLayout" Target="../slideLayouts/slideLayout84.xml"/><Relationship Id="rId46" Type="http://schemas.openxmlformats.org/officeDocument/2006/relationships/slideLayout" Target="../slideLayouts/slideLayout92.xml"/><Relationship Id="rId2" Type="http://schemas.openxmlformats.org/officeDocument/2006/relationships/slideLayout" Target="../slideLayouts/slideLayout48.xml"/><Relationship Id="rId16" Type="http://schemas.openxmlformats.org/officeDocument/2006/relationships/slideLayout" Target="../slideLayouts/slideLayout62.xml"/><Relationship Id="rId20" Type="http://schemas.openxmlformats.org/officeDocument/2006/relationships/slideLayout" Target="../slideLayouts/slideLayout66.xml"/><Relationship Id="rId29" Type="http://schemas.openxmlformats.org/officeDocument/2006/relationships/slideLayout" Target="../slideLayouts/slideLayout75.xml"/><Relationship Id="rId41" Type="http://schemas.openxmlformats.org/officeDocument/2006/relationships/slideLayout" Target="../slideLayouts/slideLayout87.xml"/><Relationship Id="rId1" Type="http://schemas.openxmlformats.org/officeDocument/2006/relationships/slideLayout" Target="../slideLayouts/slideLayout47.xml"/><Relationship Id="rId6" Type="http://schemas.openxmlformats.org/officeDocument/2006/relationships/slideLayout" Target="../slideLayouts/slideLayout52.xml"/><Relationship Id="rId11" Type="http://schemas.openxmlformats.org/officeDocument/2006/relationships/slideLayout" Target="../slideLayouts/slideLayout57.xml"/><Relationship Id="rId24" Type="http://schemas.openxmlformats.org/officeDocument/2006/relationships/slideLayout" Target="../slideLayouts/slideLayout70.xml"/><Relationship Id="rId32" Type="http://schemas.openxmlformats.org/officeDocument/2006/relationships/slideLayout" Target="../slideLayouts/slideLayout78.xml"/><Relationship Id="rId37" Type="http://schemas.openxmlformats.org/officeDocument/2006/relationships/slideLayout" Target="../slideLayouts/slideLayout83.xml"/><Relationship Id="rId40" Type="http://schemas.openxmlformats.org/officeDocument/2006/relationships/slideLayout" Target="../slideLayouts/slideLayout86.xml"/><Relationship Id="rId45" Type="http://schemas.openxmlformats.org/officeDocument/2006/relationships/slideLayout" Target="../slideLayouts/slideLayout91.xml"/><Relationship Id="rId5" Type="http://schemas.openxmlformats.org/officeDocument/2006/relationships/slideLayout" Target="../slideLayouts/slideLayout51.xml"/><Relationship Id="rId15" Type="http://schemas.openxmlformats.org/officeDocument/2006/relationships/slideLayout" Target="../slideLayouts/slideLayout61.xml"/><Relationship Id="rId23" Type="http://schemas.openxmlformats.org/officeDocument/2006/relationships/slideLayout" Target="../slideLayouts/slideLayout69.xml"/><Relationship Id="rId28" Type="http://schemas.openxmlformats.org/officeDocument/2006/relationships/slideLayout" Target="../slideLayouts/slideLayout74.xml"/><Relationship Id="rId36" Type="http://schemas.openxmlformats.org/officeDocument/2006/relationships/slideLayout" Target="../slideLayouts/slideLayout82.xml"/><Relationship Id="rId10" Type="http://schemas.openxmlformats.org/officeDocument/2006/relationships/slideLayout" Target="../slideLayouts/slideLayout56.xml"/><Relationship Id="rId19" Type="http://schemas.openxmlformats.org/officeDocument/2006/relationships/slideLayout" Target="../slideLayouts/slideLayout65.xml"/><Relationship Id="rId31" Type="http://schemas.openxmlformats.org/officeDocument/2006/relationships/slideLayout" Target="../slideLayouts/slideLayout77.xml"/><Relationship Id="rId44" Type="http://schemas.openxmlformats.org/officeDocument/2006/relationships/slideLayout" Target="../slideLayouts/slideLayout90.xml"/><Relationship Id="rId4" Type="http://schemas.openxmlformats.org/officeDocument/2006/relationships/slideLayout" Target="../slideLayouts/slideLayout50.xml"/><Relationship Id="rId9" Type="http://schemas.openxmlformats.org/officeDocument/2006/relationships/slideLayout" Target="../slideLayouts/slideLayout55.xml"/><Relationship Id="rId14" Type="http://schemas.openxmlformats.org/officeDocument/2006/relationships/slideLayout" Target="../slideLayouts/slideLayout60.xml"/><Relationship Id="rId22" Type="http://schemas.openxmlformats.org/officeDocument/2006/relationships/slideLayout" Target="../slideLayouts/slideLayout68.xml"/><Relationship Id="rId27" Type="http://schemas.openxmlformats.org/officeDocument/2006/relationships/slideLayout" Target="../slideLayouts/slideLayout73.xml"/><Relationship Id="rId30" Type="http://schemas.openxmlformats.org/officeDocument/2006/relationships/slideLayout" Target="../slideLayouts/slideLayout76.xml"/><Relationship Id="rId35" Type="http://schemas.openxmlformats.org/officeDocument/2006/relationships/slideLayout" Target="../slideLayouts/slideLayout81.xml"/><Relationship Id="rId43" Type="http://schemas.openxmlformats.org/officeDocument/2006/relationships/slideLayout" Target="../slideLayouts/slideLayout89.xml"/><Relationship Id="rId48" Type="http://schemas.openxmlformats.org/officeDocument/2006/relationships/image" Target="../media/image1.r4w"/></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3" name="Slide Number Placeholder 5" hidden="1">
            <a:extLst>
              <a:ext uri="{FF2B5EF4-FFF2-40B4-BE49-F238E27FC236}">
                <a16:creationId xmlns:a16="http://schemas.microsoft.com/office/drawing/2014/main" id="{983C28E1-92B2-D8C8-9E08-C938486D60E2}"/>
              </a:ext>
            </a:extLst>
          </p:cNvPr>
          <p:cNvSpPr>
            <a:spLocks noGrp="1"/>
          </p:cNvSpPr>
          <p:nvPr>
            <p:ph type="sldNum" sz="quarter" idx="4"/>
          </p:nvPr>
        </p:nvSpPr>
        <p:spPr>
          <a:xfrm>
            <a:off x="11196000" y="6442838"/>
            <a:ext cx="345600" cy="180000"/>
          </a:xfrm>
          <a:prstGeom prst="rect">
            <a:avLst/>
          </a:prstGeom>
        </p:spPr>
        <p:txBody>
          <a:bodyPr vert="horz" lIns="0" tIns="0" rIns="0" bIns="0" rtlCol="0" anchor="b" anchorCtr="0"/>
          <a:lstStyle>
            <a:lvl1pPr algn="r">
              <a:defRPr sz="800">
                <a:solidFill>
                  <a:schemeClr val="accent1"/>
                </a:solidFill>
              </a:defRPr>
            </a:lvl1pPr>
          </a:lstStyle>
          <a:p>
            <a:fld id="{24C8C45C-947F-4981-8B3F-4F32E973C901}" type="slidenum">
              <a:rPr lang="da-DK" smtClean="0"/>
              <a:pPr/>
              <a:t>‹#›</a:t>
            </a:fld>
            <a:endParaRPr lang="da-DK" dirty="0"/>
          </a:p>
        </p:txBody>
      </p:sp>
      <p:sp>
        <p:nvSpPr>
          <p:cNvPr id="14" name="Date Placeholder 1" hidden="1">
            <a:extLst>
              <a:ext uri="{FF2B5EF4-FFF2-40B4-BE49-F238E27FC236}">
                <a16:creationId xmlns:a16="http://schemas.microsoft.com/office/drawing/2014/main" id="{840A5991-28B4-E238-6B1A-59D6CAB82F2D}"/>
              </a:ext>
            </a:extLst>
          </p:cNvPr>
          <p:cNvSpPr>
            <a:spLocks noGrp="1"/>
          </p:cNvSpPr>
          <p:nvPr>
            <p:ph type="dt" sz="half" idx="2"/>
          </p:nvPr>
        </p:nvSpPr>
        <p:spPr>
          <a:xfrm>
            <a:off x="9013825" y="6442838"/>
            <a:ext cx="1600200" cy="180000"/>
          </a:xfrm>
          <a:prstGeom prst="rect">
            <a:avLst/>
          </a:prstGeom>
        </p:spPr>
        <p:txBody>
          <a:bodyPr vert="horz" lIns="0" tIns="0" rIns="0" bIns="0" rtlCol="0" anchor="b" anchorCtr="0"/>
          <a:lstStyle>
            <a:lvl1pPr algn="r">
              <a:defRPr sz="800">
                <a:solidFill>
                  <a:schemeClr val="accent1"/>
                </a:solidFill>
              </a:defRPr>
            </a:lvl1pPr>
          </a:lstStyle>
          <a:p>
            <a:fld id="{E2078FB6-9325-4879-990F-92B63978831B}" type="datetime2">
              <a:rPr lang="da-DK" smtClean="0"/>
              <a:t>11. september 2024</a:t>
            </a:fld>
            <a:endParaRPr lang="da-DK" dirty="0"/>
          </a:p>
        </p:txBody>
      </p:sp>
      <p:sp>
        <p:nvSpPr>
          <p:cNvPr id="15" name="Footer Placeholder 7" hidden="1">
            <a:extLst>
              <a:ext uri="{FF2B5EF4-FFF2-40B4-BE49-F238E27FC236}">
                <a16:creationId xmlns:a16="http://schemas.microsoft.com/office/drawing/2014/main" id="{1B9B2E7C-A8F2-45D0-63ED-D1E723B183BC}"/>
              </a:ext>
            </a:extLst>
          </p:cNvPr>
          <p:cNvSpPr>
            <a:spLocks noGrp="1"/>
          </p:cNvSpPr>
          <p:nvPr>
            <p:ph type="ftr" sz="quarter" idx="3"/>
          </p:nvPr>
        </p:nvSpPr>
        <p:spPr>
          <a:xfrm>
            <a:off x="4107657" y="6442838"/>
            <a:ext cx="3976687" cy="180000"/>
          </a:xfrm>
          <a:prstGeom prst="rect">
            <a:avLst/>
          </a:prstGeom>
        </p:spPr>
        <p:txBody>
          <a:bodyPr vert="horz" lIns="0" tIns="0" rIns="0" bIns="0" rtlCol="0" anchor="b" anchorCtr="0"/>
          <a:lstStyle>
            <a:lvl1pPr algn="ctr">
              <a:defRPr sz="800">
                <a:solidFill>
                  <a:schemeClr val="accent1"/>
                </a:solidFill>
              </a:defRPr>
            </a:lvl1pPr>
          </a:lstStyle>
          <a:p>
            <a:endParaRPr lang="da-DK" dirty="0"/>
          </a:p>
        </p:txBody>
      </p:sp>
      <p:sp>
        <p:nvSpPr>
          <p:cNvPr id="7" name="Title Placeholder 1">
            <a:extLst>
              <a:ext uri="{FF2B5EF4-FFF2-40B4-BE49-F238E27FC236}">
                <a16:creationId xmlns:a16="http://schemas.microsoft.com/office/drawing/2014/main" id="{C9392247-CE23-49BB-A39E-64C7575BE478}"/>
              </a:ext>
            </a:extLst>
          </p:cNvPr>
          <p:cNvSpPr>
            <a:spLocks noGrp="1"/>
          </p:cNvSpPr>
          <p:nvPr>
            <p:ph type="title"/>
          </p:nvPr>
        </p:nvSpPr>
        <p:spPr>
          <a:xfrm>
            <a:off x="648000" y="648000"/>
            <a:ext cx="10897200" cy="1296000"/>
          </a:xfrm>
          <a:prstGeom prst="rect">
            <a:avLst/>
          </a:prstGeom>
        </p:spPr>
        <p:txBody>
          <a:bodyPr vert="horz" lIns="0" tIns="0" rIns="0" bIns="0" rtlCol="0" anchor="t" anchorCtr="0">
            <a:noAutofit/>
          </a:bodyPr>
          <a:lstStyle/>
          <a:p>
            <a:r>
              <a:rPr lang="da-DK" dirty="0"/>
              <a:t>Klik for at tilføje titel</a:t>
            </a:r>
          </a:p>
        </p:txBody>
      </p:sp>
      <p:sp>
        <p:nvSpPr>
          <p:cNvPr id="3" name="Text Placeholder 2"/>
          <p:cNvSpPr>
            <a:spLocks noGrp="1"/>
          </p:cNvSpPr>
          <p:nvPr>
            <p:ph type="body" idx="1"/>
          </p:nvPr>
        </p:nvSpPr>
        <p:spPr>
          <a:xfrm>
            <a:off x="648000" y="1944000"/>
            <a:ext cx="10897200" cy="4006800"/>
          </a:xfrm>
          <a:prstGeom prst="rect">
            <a:avLst/>
          </a:prstGeom>
        </p:spPr>
        <p:txBody>
          <a:bodyPr vert="horz" lIns="0" tIns="0" rIns="0" bIns="0" rtlCol="0">
            <a:noAutofit/>
          </a:bodyPr>
          <a:lstStyle/>
          <a:p>
            <a:pPr lvl="0"/>
            <a:r>
              <a:rPr lang="da-DK" noProof="0" dirty="0"/>
              <a:t>Niveau 1                                                                                                                                                                                Klik ENTER og derefter TAB for at se næste tekstformat                                                                                        Klik SHIFT+TAB for at se foregående tekstformat</a:t>
            </a:r>
            <a:endParaRPr lang="da-DK" dirty="0"/>
          </a:p>
          <a:p>
            <a:pPr lvl="1"/>
            <a:r>
              <a:rPr lang="da-DK" noProof="0" dirty="0"/>
              <a:t>Niveau 2</a:t>
            </a:r>
            <a:endParaRPr lang="da-DK" dirty="0"/>
          </a:p>
          <a:p>
            <a:pPr lvl="2"/>
            <a:r>
              <a:rPr lang="da-DK" noProof="0" dirty="0"/>
              <a:t>Niveau 3</a:t>
            </a:r>
            <a:endParaRPr lang="da-DK" dirty="0"/>
          </a:p>
          <a:p>
            <a:pPr lvl="3"/>
            <a:r>
              <a:rPr lang="da-DK" noProof="0" dirty="0"/>
              <a:t>Niveau 4, Overskrift</a:t>
            </a:r>
            <a:endParaRPr lang="da-DK" dirty="0"/>
          </a:p>
          <a:p>
            <a:pPr lvl="4"/>
            <a:r>
              <a:rPr lang="da-DK" noProof="0" dirty="0"/>
              <a:t>Niveau 5, Brødtekst</a:t>
            </a:r>
            <a:endParaRPr lang="da-DK" dirty="0"/>
          </a:p>
          <a:p>
            <a:pPr lvl="5"/>
            <a:r>
              <a:rPr lang="da-DK" noProof="0" dirty="0"/>
              <a:t>Niveau 6</a:t>
            </a:r>
            <a:endParaRPr lang="da-DK" dirty="0"/>
          </a:p>
          <a:p>
            <a:pPr lvl="6"/>
            <a:r>
              <a:rPr lang="da-DK" noProof="0" dirty="0"/>
              <a:t>Niveau 7, lille overskrift</a:t>
            </a:r>
            <a:endParaRPr lang="da-DK" dirty="0"/>
          </a:p>
          <a:p>
            <a:pPr lvl="7"/>
            <a:r>
              <a:rPr lang="da-DK" noProof="0" dirty="0"/>
              <a:t>Niveau 8, lille brødtekst</a:t>
            </a:r>
            <a:endParaRPr lang="da-DK" dirty="0"/>
          </a:p>
          <a:p>
            <a:pPr lvl="8"/>
            <a:r>
              <a:rPr lang="da-DK" noProof="0" dirty="0"/>
              <a:t>Niveau 9, Infografik</a:t>
            </a:r>
            <a:endParaRPr lang="da-DK" dirty="0"/>
          </a:p>
        </p:txBody>
      </p:sp>
      <p:pic>
        <p:nvPicPr>
          <p:cNvPr id="4" name="Dynamic logo lilla" descr="{&quot;templafy&quot;:{&quot;id&quot;:&quot;9a17f7e6-2f83-4baf-a833-d58f830f0966&quot;}}">
            <a:extLst>
              <a:ext uri="{FF2B5EF4-FFF2-40B4-BE49-F238E27FC236}">
                <a16:creationId xmlns:a16="http://schemas.microsoft.com/office/drawing/2014/main" id="{2AABD5BD-180C-1C81-B7F0-7A83445C2231}"/>
              </a:ext>
            </a:extLst>
          </p:cNvPr>
          <p:cNvPicPr>
            <a:picLocks noChangeAspect="1"/>
          </p:cNvPicPr>
          <p:nvPr userDrawn="1"/>
        </p:nvPicPr>
        <p:blipFill>
          <a:blip r:embed="rId48">
            <a:extLst>
              <a:ext uri="{28A0092B-C50C-407E-A947-70E740481C1C}">
                <a14:useLocalDpi xmlns:a14="http://schemas.microsoft.com/office/drawing/2010/main" val="0"/>
              </a:ext>
            </a:extLst>
          </a:blip>
          <a:stretch>
            <a:fillRect/>
          </a:stretch>
        </p:blipFill>
        <p:spPr>
          <a:xfrm>
            <a:off x="1" y="6146006"/>
            <a:ext cx="3224613" cy="720090"/>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832" r:id="rId2"/>
    <p:sldLayoutId id="2147483807" r:id="rId3"/>
    <p:sldLayoutId id="2147483808" r:id="rId4"/>
    <p:sldLayoutId id="2147483809" r:id="rId5"/>
    <p:sldLayoutId id="2147483805" r:id="rId6"/>
    <p:sldLayoutId id="2147483834" r:id="rId7"/>
    <p:sldLayoutId id="2147483833" r:id="rId8"/>
    <p:sldLayoutId id="2147483835" r:id="rId9"/>
    <p:sldLayoutId id="2147483836" r:id="rId10"/>
    <p:sldLayoutId id="2147483837" r:id="rId11"/>
    <p:sldLayoutId id="2147483800" r:id="rId12"/>
    <p:sldLayoutId id="2147483802" r:id="rId13"/>
    <p:sldLayoutId id="2147483801" r:id="rId14"/>
    <p:sldLayoutId id="2147483803" r:id="rId15"/>
    <p:sldLayoutId id="2147483839" r:id="rId16"/>
    <p:sldLayoutId id="2147483829" r:id="rId17"/>
    <p:sldLayoutId id="2147483830" r:id="rId18"/>
    <p:sldLayoutId id="2147483794" r:id="rId19"/>
    <p:sldLayoutId id="2147483791" r:id="rId20"/>
    <p:sldLayoutId id="2147483795" r:id="rId21"/>
    <p:sldLayoutId id="2147483793" r:id="rId22"/>
    <p:sldLayoutId id="2147483826" r:id="rId23"/>
    <p:sldLayoutId id="2147483796" r:id="rId24"/>
    <p:sldLayoutId id="2147483755" r:id="rId25"/>
    <p:sldLayoutId id="2147483825" r:id="rId26"/>
    <p:sldLayoutId id="2147483792" r:id="rId27"/>
    <p:sldLayoutId id="2147483823" r:id="rId28"/>
    <p:sldLayoutId id="2147483797" r:id="rId29"/>
    <p:sldLayoutId id="2147483824" r:id="rId30"/>
    <p:sldLayoutId id="2147483818" r:id="rId31"/>
    <p:sldLayoutId id="2147483758" r:id="rId32"/>
    <p:sldLayoutId id="2147483816" r:id="rId33"/>
    <p:sldLayoutId id="2147483817" r:id="rId34"/>
    <p:sldLayoutId id="2147483766" r:id="rId35"/>
    <p:sldLayoutId id="2147483767" r:id="rId36"/>
    <p:sldLayoutId id="2147483820" r:id="rId37"/>
    <p:sldLayoutId id="2147483819" r:id="rId38"/>
    <p:sldLayoutId id="2147483831" r:id="rId39"/>
    <p:sldLayoutId id="2147483821" r:id="rId40"/>
    <p:sldLayoutId id="2147483743" r:id="rId41"/>
    <p:sldLayoutId id="2147483827" r:id="rId42"/>
    <p:sldLayoutId id="2147483828" r:id="rId43"/>
    <p:sldLayoutId id="2147483744" r:id="rId44"/>
    <p:sldLayoutId id="2147483822" r:id="rId45"/>
    <p:sldLayoutId id="2147483783" r:id="rId46"/>
  </p:sldLayoutIdLst>
  <p:hf sldNum="0" hdr="0" ftr="0" dt="0"/>
  <p:txStyles>
    <p:titleStyle>
      <a:lvl1pPr algn="l" defTabSz="914400" rtl="0" eaLnBrk="1" latinLnBrk="0" hangingPunct="1">
        <a:lnSpc>
          <a:spcPct val="87000"/>
        </a:lnSpc>
        <a:spcBef>
          <a:spcPct val="0"/>
        </a:spcBef>
        <a:buNone/>
        <a:defRPr sz="4000" b="0" kern="1200">
          <a:solidFill>
            <a:schemeClr val="accent1"/>
          </a:solidFill>
          <a:latin typeface="+mj-lt"/>
          <a:ea typeface="+mj-ea"/>
          <a:cs typeface="+mj-cs"/>
        </a:defRPr>
      </a:lvl1pPr>
    </p:titleStyle>
    <p:body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3pPr>
      <a:lvl4pPr marL="0" indent="0" algn="l" defTabSz="914400" rtl="0" eaLnBrk="1" latinLnBrk="0" hangingPunct="1">
        <a:lnSpc>
          <a:spcPct val="93000"/>
        </a:lnSpc>
        <a:spcBef>
          <a:spcPts val="0"/>
        </a:spcBef>
        <a:spcAft>
          <a:spcPts val="0"/>
        </a:spcAft>
        <a:buFont typeface="Arial" panose="020B0604020202020204" pitchFamily="34" charset="0"/>
        <a:buChar char="​"/>
        <a:defRPr sz="2000" b="1" kern="1200">
          <a:solidFill>
            <a:schemeClr val="accent1"/>
          </a:solidFill>
          <a:latin typeface="+mn-lt"/>
          <a:ea typeface="+mn-ea"/>
          <a:cs typeface="+mn-cs"/>
        </a:defRPr>
      </a:lvl4pPr>
      <a:lvl5pPr marL="0" indent="0" algn="l" defTabSz="914400" rtl="0" eaLnBrk="1" latinLnBrk="0" hangingPunct="1">
        <a:lnSpc>
          <a:spcPct val="93000"/>
        </a:lnSpc>
        <a:spcBef>
          <a:spcPts val="0"/>
        </a:spcBef>
        <a:spcAft>
          <a:spcPts val="1200"/>
        </a:spcAft>
        <a:buFont typeface="Arial" panose="020B0604020202020204" pitchFamily="34" charset="0"/>
        <a:buChar char="​"/>
        <a:tabLst/>
        <a:defRPr sz="2000" kern="1200">
          <a:solidFill>
            <a:schemeClr val="accent1"/>
          </a:solidFill>
          <a:latin typeface="+mn-lt"/>
          <a:ea typeface="+mn-ea"/>
          <a:cs typeface="+mn-cs"/>
        </a:defRPr>
      </a:lvl5pPr>
      <a:lvl6pPr marL="90000" indent="-90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accent1"/>
          </a:solidFill>
          <a:latin typeface="+mn-lt"/>
          <a:ea typeface="+mn-ea"/>
          <a:cs typeface="+mn-cs"/>
        </a:defRPr>
      </a:lvl6pPr>
      <a:lvl7pPr marL="0" indent="0" algn="l" defTabSz="914400" rtl="0" eaLnBrk="1" latinLnBrk="0" hangingPunct="1">
        <a:lnSpc>
          <a:spcPct val="100000"/>
        </a:lnSpc>
        <a:spcBef>
          <a:spcPts val="0"/>
        </a:spcBef>
        <a:spcAft>
          <a:spcPts val="0"/>
        </a:spcAft>
        <a:buFont typeface="Arial" panose="020B0604020202020204" pitchFamily="34" charset="0"/>
        <a:buChar char="​"/>
        <a:defRPr sz="1000" b="1" kern="1200" baseline="0">
          <a:solidFill>
            <a:schemeClr val="accent1"/>
          </a:solidFill>
          <a:latin typeface="+mn-lt"/>
          <a:ea typeface="+mn-ea"/>
          <a:cs typeface="+mn-cs"/>
        </a:defRPr>
      </a:lvl7pPr>
      <a:lvl8pPr marL="0" indent="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accent1"/>
          </a:solidFill>
          <a:latin typeface="+mn-lt"/>
          <a:ea typeface="+mn-ea"/>
          <a:cs typeface="+mn-cs"/>
        </a:defRPr>
      </a:lvl8pPr>
      <a:lvl9pPr marL="0" indent="0" algn="l" defTabSz="914400" rtl="0" eaLnBrk="1" latinLnBrk="0" hangingPunct="1">
        <a:lnSpc>
          <a:spcPct val="87000"/>
        </a:lnSpc>
        <a:spcBef>
          <a:spcPts val="0"/>
        </a:spcBef>
        <a:spcAft>
          <a:spcPts val="1200"/>
        </a:spcAft>
        <a:buFont typeface="Arial" panose="020B0604020202020204" pitchFamily="34" charset="0"/>
        <a:buChar char="​"/>
        <a:defRPr sz="600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08" userDrawn="1">
          <p15:clr>
            <a:srgbClr val="F26B43"/>
          </p15:clr>
        </p15:guide>
        <p15:guide id="2" pos="830" userDrawn="1">
          <p15:clr>
            <a:srgbClr val="A4A4A4"/>
          </p15:clr>
        </p15:guide>
        <p15:guide id="3" orient="horz" pos="408" userDrawn="1">
          <p15:clr>
            <a:srgbClr val="F26B43"/>
          </p15:clr>
        </p15:guide>
        <p15:guide id="4" orient="horz" pos="3748" userDrawn="1">
          <p15:clr>
            <a:srgbClr val="F26B43"/>
          </p15:clr>
        </p15:guide>
        <p15:guide id="5" pos="993" userDrawn="1">
          <p15:clr>
            <a:srgbClr val="A4A4A4"/>
          </p15:clr>
        </p15:guide>
        <p15:guide id="6" pos="1416" userDrawn="1">
          <p15:clr>
            <a:srgbClr val="A4A4A4"/>
          </p15:clr>
        </p15:guide>
        <p15:guide id="7" pos="1579" userDrawn="1">
          <p15:clr>
            <a:srgbClr val="A4A4A4"/>
          </p15:clr>
        </p15:guide>
        <p15:guide id="8" pos="2001" userDrawn="1">
          <p15:clr>
            <a:srgbClr val="A4A4A4"/>
          </p15:clr>
        </p15:guide>
        <p15:guide id="9" pos="2164" userDrawn="1">
          <p15:clr>
            <a:srgbClr val="A4A4A4"/>
          </p15:clr>
        </p15:guide>
        <p15:guide id="10" pos="2587" userDrawn="1">
          <p15:clr>
            <a:srgbClr val="A4A4A4"/>
          </p15:clr>
        </p15:guide>
        <p15:guide id="11" pos="2750" userDrawn="1">
          <p15:clr>
            <a:srgbClr val="A4A4A4"/>
          </p15:clr>
        </p15:guide>
        <p15:guide id="12" pos="3172" userDrawn="1">
          <p15:clr>
            <a:srgbClr val="A4A4A4"/>
          </p15:clr>
        </p15:guide>
        <p15:guide id="13" pos="3336" userDrawn="1">
          <p15:clr>
            <a:srgbClr val="A4A4A4"/>
          </p15:clr>
        </p15:guide>
        <p15:guide id="14" pos="3758" userDrawn="1">
          <p15:clr>
            <a:srgbClr val="A4A4A4"/>
          </p15:clr>
        </p15:guide>
        <p15:guide id="15" pos="3921" userDrawn="1">
          <p15:clr>
            <a:srgbClr val="A4A4A4"/>
          </p15:clr>
        </p15:guide>
        <p15:guide id="16" pos="4343" userDrawn="1">
          <p15:clr>
            <a:srgbClr val="A4A4A4"/>
          </p15:clr>
        </p15:guide>
        <p15:guide id="17" pos="4507" userDrawn="1">
          <p15:clr>
            <a:srgbClr val="A4A4A4"/>
          </p15:clr>
        </p15:guide>
        <p15:guide id="18" pos="4929" userDrawn="1">
          <p15:clr>
            <a:srgbClr val="A4A4A4"/>
          </p15:clr>
        </p15:guide>
        <p15:guide id="19" pos="5092" userDrawn="1">
          <p15:clr>
            <a:srgbClr val="A4A4A4"/>
          </p15:clr>
        </p15:guide>
        <p15:guide id="20" pos="5515" userDrawn="1">
          <p15:clr>
            <a:srgbClr val="A4A4A4"/>
          </p15:clr>
        </p15:guide>
        <p15:guide id="21" pos="5678" userDrawn="1">
          <p15:clr>
            <a:srgbClr val="A4A4A4"/>
          </p15:clr>
        </p15:guide>
        <p15:guide id="22" pos="6100" userDrawn="1">
          <p15:clr>
            <a:srgbClr val="A4A4A4"/>
          </p15:clr>
        </p15:guide>
        <p15:guide id="23" pos="6263" userDrawn="1">
          <p15:clr>
            <a:srgbClr val="A4A4A4"/>
          </p15:clr>
        </p15:guide>
        <p15:guide id="24" pos="6686" userDrawn="1">
          <p15:clr>
            <a:srgbClr val="A4A4A4"/>
          </p15:clr>
        </p15:guide>
        <p15:guide id="25" pos="6849" userDrawn="1">
          <p15:clr>
            <a:srgbClr val="A4A4A4"/>
          </p15:clr>
        </p15:guide>
        <p15:guide id="26" pos="7271" userDrawn="1">
          <p15:clr>
            <a:srgbClr val="F26B43"/>
          </p15:clr>
        </p15:guide>
        <p15:guide id="27" orient="horz" pos="1224" userDrawn="1">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3" name="Slide Number Placeholder 5" hidden="1">
            <a:extLst>
              <a:ext uri="{FF2B5EF4-FFF2-40B4-BE49-F238E27FC236}">
                <a16:creationId xmlns:a16="http://schemas.microsoft.com/office/drawing/2014/main" id="{983C28E1-92B2-D8C8-9E08-C938486D60E2}"/>
              </a:ext>
            </a:extLst>
          </p:cNvPr>
          <p:cNvSpPr>
            <a:spLocks noGrp="1"/>
          </p:cNvSpPr>
          <p:nvPr>
            <p:ph type="sldNum" sz="quarter" idx="4"/>
          </p:nvPr>
        </p:nvSpPr>
        <p:spPr>
          <a:xfrm>
            <a:off x="11196000" y="6442838"/>
            <a:ext cx="345600" cy="180000"/>
          </a:xfrm>
          <a:prstGeom prst="rect">
            <a:avLst/>
          </a:prstGeom>
        </p:spPr>
        <p:txBody>
          <a:bodyPr vert="horz" lIns="0" tIns="0" rIns="0" bIns="0" rtlCol="0" anchor="b" anchorCtr="0"/>
          <a:lstStyle>
            <a:lvl1pPr algn="r">
              <a:defRPr sz="800">
                <a:solidFill>
                  <a:schemeClr val="accent1"/>
                </a:solidFill>
              </a:defRPr>
            </a:lvl1pPr>
          </a:lstStyle>
          <a:p>
            <a:fld id="{24C8C45C-947F-4981-8B3F-4F32E973C901}" type="slidenum">
              <a:rPr lang="da-DK" smtClean="0"/>
              <a:pPr/>
              <a:t>‹#›</a:t>
            </a:fld>
            <a:endParaRPr lang="da-DK" dirty="0"/>
          </a:p>
        </p:txBody>
      </p:sp>
      <p:sp>
        <p:nvSpPr>
          <p:cNvPr id="14" name="Date Placeholder 1" hidden="1">
            <a:extLst>
              <a:ext uri="{FF2B5EF4-FFF2-40B4-BE49-F238E27FC236}">
                <a16:creationId xmlns:a16="http://schemas.microsoft.com/office/drawing/2014/main" id="{840A5991-28B4-E238-6B1A-59D6CAB82F2D}"/>
              </a:ext>
            </a:extLst>
          </p:cNvPr>
          <p:cNvSpPr>
            <a:spLocks noGrp="1"/>
          </p:cNvSpPr>
          <p:nvPr>
            <p:ph type="dt" sz="half" idx="2"/>
          </p:nvPr>
        </p:nvSpPr>
        <p:spPr>
          <a:xfrm>
            <a:off x="9013825" y="6442838"/>
            <a:ext cx="1600200" cy="180000"/>
          </a:xfrm>
          <a:prstGeom prst="rect">
            <a:avLst/>
          </a:prstGeom>
        </p:spPr>
        <p:txBody>
          <a:bodyPr vert="horz" lIns="0" tIns="0" rIns="0" bIns="0" rtlCol="0" anchor="b" anchorCtr="0"/>
          <a:lstStyle>
            <a:lvl1pPr algn="r">
              <a:defRPr sz="800">
                <a:solidFill>
                  <a:schemeClr val="accent1"/>
                </a:solidFill>
              </a:defRPr>
            </a:lvl1pPr>
          </a:lstStyle>
          <a:p>
            <a:fld id="{E2078FB6-9325-4879-990F-92B63978831B}" type="datetime2">
              <a:rPr lang="da-DK" smtClean="0"/>
              <a:t>11. september 2024</a:t>
            </a:fld>
            <a:endParaRPr lang="da-DK" dirty="0"/>
          </a:p>
        </p:txBody>
      </p:sp>
      <p:sp>
        <p:nvSpPr>
          <p:cNvPr id="15" name="Footer Placeholder 7" hidden="1">
            <a:extLst>
              <a:ext uri="{FF2B5EF4-FFF2-40B4-BE49-F238E27FC236}">
                <a16:creationId xmlns:a16="http://schemas.microsoft.com/office/drawing/2014/main" id="{1B9B2E7C-A8F2-45D0-63ED-D1E723B183BC}"/>
              </a:ext>
            </a:extLst>
          </p:cNvPr>
          <p:cNvSpPr>
            <a:spLocks noGrp="1"/>
          </p:cNvSpPr>
          <p:nvPr>
            <p:ph type="ftr" sz="quarter" idx="3"/>
          </p:nvPr>
        </p:nvSpPr>
        <p:spPr>
          <a:xfrm>
            <a:off x="4107657" y="6442838"/>
            <a:ext cx="3976687" cy="180000"/>
          </a:xfrm>
          <a:prstGeom prst="rect">
            <a:avLst/>
          </a:prstGeom>
        </p:spPr>
        <p:txBody>
          <a:bodyPr vert="horz" lIns="0" tIns="0" rIns="0" bIns="0" rtlCol="0" anchor="b" anchorCtr="0"/>
          <a:lstStyle>
            <a:lvl1pPr algn="ctr">
              <a:defRPr sz="800">
                <a:solidFill>
                  <a:schemeClr val="accent1"/>
                </a:solidFill>
              </a:defRPr>
            </a:lvl1pPr>
          </a:lstStyle>
          <a:p>
            <a:endParaRPr lang="da-DK" dirty="0"/>
          </a:p>
        </p:txBody>
      </p:sp>
      <p:sp>
        <p:nvSpPr>
          <p:cNvPr id="7" name="Title Placeholder 1">
            <a:extLst>
              <a:ext uri="{FF2B5EF4-FFF2-40B4-BE49-F238E27FC236}">
                <a16:creationId xmlns:a16="http://schemas.microsoft.com/office/drawing/2014/main" id="{C9392247-CE23-49BB-A39E-64C7575BE478}"/>
              </a:ext>
            </a:extLst>
          </p:cNvPr>
          <p:cNvSpPr>
            <a:spLocks noGrp="1"/>
          </p:cNvSpPr>
          <p:nvPr>
            <p:ph type="title"/>
          </p:nvPr>
        </p:nvSpPr>
        <p:spPr>
          <a:xfrm>
            <a:off x="648000" y="648000"/>
            <a:ext cx="10897200" cy="1296000"/>
          </a:xfrm>
          <a:prstGeom prst="rect">
            <a:avLst/>
          </a:prstGeom>
        </p:spPr>
        <p:txBody>
          <a:bodyPr vert="horz" lIns="0" tIns="0" rIns="0" bIns="0" rtlCol="0" anchor="t" anchorCtr="0">
            <a:noAutofit/>
          </a:bodyPr>
          <a:lstStyle/>
          <a:p>
            <a:r>
              <a:rPr lang="da-DK" dirty="0"/>
              <a:t>Klik for at tilføje titel</a:t>
            </a:r>
          </a:p>
        </p:txBody>
      </p:sp>
      <p:sp>
        <p:nvSpPr>
          <p:cNvPr id="3" name="Text Placeholder 2"/>
          <p:cNvSpPr>
            <a:spLocks noGrp="1"/>
          </p:cNvSpPr>
          <p:nvPr>
            <p:ph type="body" idx="1"/>
          </p:nvPr>
        </p:nvSpPr>
        <p:spPr>
          <a:xfrm>
            <a:off x="648000" y="1944000"/>
            <a:ext cx="10897200" cy="4006800"/>
          </a:xfrm>
          <a:prstGeom prst="rect">
            <a:avLst/>
          </a:prstGeom>
        </p:spPr>
        <p:txBody>
          <a:bodyPr vert="horz" lIns="0" tIns="0" rIns="0" bIns="0" rtlCol="0">
            <a:noAutofit/>
          </a:bodyPr>
          <a:lstStyle/>
          <a:p>
            <a:pPr lvl="0"/>
            <a:r>
              <a:rPr lang="da-DK" noProof="0" dirty="0"/>
              <a:t>Niveau 1                                                                                                                                                                                Klik ENTER og derefter TAB for at se næste tekstformat                                                                                        Klik SHIFT+TAB for at se foregående tekstformat</a:t>
            </a:r>
            <a:endParaRPr lang="da-DK" dirty="0"/>
          </a:p>
          <a:p>
            <a:pPr lvl="1"/>
            <a:r>
              <a:rPr lang="da-DK" noProof="0" dirty="0"/>
              <a:t>Niveau 2</a:t>
            </a:r>
            <a:endParaRPr lang="da-DK" dirty="0"/>
          </a:p>
          <a:p>
            <a:pPr lvl="2"/>
            <a:r>
              <a:rPr lang="da-DK" noProof="0" dirty="0"/>
              <a:t>Niveau 3</a:t>
            </a:r>
            <a:endParaRPr lang="da-DK" dirty="0"/>
          </a:p>
          <a:p>
            <a:pPr lvl="3"/>
            <a:r>
              <a:rPr lang="da-DK" noProof="0" dirty="0"/>
              <a:t>Niveau 4, Overskrift</a:t>
            </a:r>
            <a:endParaRPr lang="da-DK" dirty="0"/>
          </a:p>
          <a:p>
            <a:pPr lvl="4"/>
            <a:r>
              <a:rPr lang="da-DK" noProof="0" dirty="0"/>
              <a:t>Niveau 5, Brødtekst</a:t>
            </a:r>
            <a:endParaRPr lang="da-DK" dirty="0"/>
          </a:p>
          <a:p>
            <a:pPr lvl="5"/>
            <a:r>
              <a:rPr lang="da-DK" noProof="0" dirty="0"/>
              <a:t>Niveau 6</a:t>
            </a:r>
            <a:endParaRPr lang="da-DK" dirty="0"/>
          </a:p>
          <a:p>
            <a:pPr lvl="6"/>
            <a:r>
              <a:rPr lang="da-DK" noProof="0" dirty="0"/>
              <a:t>Niveau 7, lille overskrift</a:t>
            </a:r>
            <a:endParaRPr lang="da-DK" dirty="0"/>
          </a:p>
          <a:p>
            <a:pPr lvl="7"/>
            <a:r>
              <a:rPr lang="da-DK" noProof="0" dirty="0"/>
              <a:t>Niveau 8, lille brødtekst</a:t>
            </a:r>
            <a:endParaRPr lang="da-DK" dirty="0"/>
          </a:p>
          <a:p>
            <a:pPr lvl="8"/>
            <a:r>
              <a:rPr lang="da-DK" noProof="0" dirty="0"/>
              <a:t>Niveau 9, Infografik</a:t>
            </a:r>
            <a:endParaRPr lang="da-DK" dirty="0"/>
          </a:p>
        </p:txBody>
      </p:sp>
      <p:pic>
        <p:nvPicPr>
          <p:cNvPr id="2072318978" name="Dynamic logo lilla" descr="{&quot;templafy&quot;:{&quot;id&quot;:&quot;9f9fdc55-0bb7-4fc8-92b5-5c418bebe5fc&quot;}}"/>
          <p:cNvPicPr>
            <a:picLocks noChangeAspect="1"/>
          </p:cNvPicPr>
          <p:nvPr/>
        </p:nvPicPr>
        <p:blipFill>
          <a:blip r:embed="rId48"/>
          <a:stretch>
            <a:fillRect/>
          </a:stretch>
        </p:blipFill>
        <p:spPr>
          <a:xfrm>
            <a:off x="0" y="6146006"/>
            <a:ext cx="3224210" cy="720000"/>
          </a:xfrm>
          <a:prstGeom prst="rect">
            <a:avLst/>
          </a:prstGeom>
        </p:spPr>
      </p:pic>
    </p:spTree>
    <p:extLst>
      <p:ext uri="{BB962C8B-B14F-4D97-AF65-F5344CB8AC3E}">
        <p14:creationId xmlns:p14="http://schemas.microsoft.com/office/powerpoint/2010/main" val="327856829"/>
      </p:ext>
    </p:extLst>
  </p:cSld>
  <p:clrMap bg1="lt1" tx1="dk1" bg2="lt2" tx2="dk2" accent1="accent1" accent2="accent2" accent3="accent3" accent4="accent4" accent5="accent5" accent6="accent6" hlink="hlink" folHlink="folHlink"/>
  <p:sldLayoutIdLst>
    <p:sldLayoutId id="2147483844" r:id="rId1"/>
    <p:sldLayoutId id="2147483845" r:id="rId2"/>
    <p:sldLayoutId id="2147483846" r:id="rId3"/>
    <p:sldLayoutId id="2147483847" r:id="rId4"/>
    <p:sldLayoutId id="2147483848" r:id="rId5"/>
    <p:sldLayoutId id="2147483849" r:id="rId6"/>
    <p:sldLayoutId id="2147483850" r:id="rId7"/>
    <p:sldLayoutId id="2147483851" r:id="rId8"/>
    <p:sldLayoutId id="2147483852" r:id="rId9"/>
    <p:sldLayoutId id="2147483853" r:id="rId10"/>
    <p:sldLayoutId id="2147483854" r:id="rId11"/>
    <p:sldLayoutId id="2147483855" r:id="rId12"/>
    <p:sldLayoutId id="2147483856" r:id="rId13"/>
    <p:sldLayoutId id="2147483857" r:id="rId14"/>
    <p:sldLayoutId id="2147483858" r:id="rId15"/>
    <p:sldLayoutId id="2147483859" r:id="rId16"/>
    <p:sldLayoutId id="2147483860" r:id="rId17"/>
    <p:sldLayoutId id="2147483861" r:id="rId18"/>
    <p:sldLayoutId id="2147483862" r:id="rId19"/>
    <p:sldLayoutId id="2147483863" r:id="rId20"/>
    <p:sldLayoutId id="2147483864" r:id="rId21"/>
    <p:sldLayoutId id="2147483865" r:id="rId22"/>
    <p:sldLayoutId id="2147483866" r:id="rId23"/>
    <p:sldLayoutId id="2147483867" r:id="rId24"/>
    <p:sldLayoutId id="2147483868" r:id="rId25"/>
    <p:sldLayoutId id="2147483869" r:id="rId26"/>
    <p:sldLayoutId id="2147483870" r:id="rId27"/>
    <p:sldLayoutId id="2147483871" r:id="rId28"/>
    <p:sldLayoutId id="2147483872" r:id="rId29"/>
    <p:sldLayoutId id="2147483873" r:id="rId30"/>
    <p:sldLayoutId id="2147483874" r:id="rId31"/>
    <p:sldLayoutId id="2147483875" r:id="rId32"/>
    <p:sldLayoutId id="2147483876" r:id="rId33"/>
    <p:sldLayoutId id="2147483877" r:id="rId34"/>
    <p:sldLayoutId id="2147483878" r:id="rId35"/>
    <p:sldLayoutId id="2147483879" r:id="rId36"/>
    <p:sldLayoutId id="2147483880" r:id="rId37"/>
    <p:sldLayoutId id="2147483881" r:id="rId38"/>
    <p:sldLayoutId id="2147483882" r:id="rId39"/>
    <p:sldLayoutId id="2147483883" r:id="rId40"/>
    <p:sldLayoutId id="2147483884" r:id="rId41"/>
    <p:sldLayoutId id="2147483885" r:id="rId42"/>
    <p:sldLayoutId id="2147483886" r:id="rId43"/>
    <p:sldLayoutId id="2147483887" r:id="rId44"/>
    <p:sldLayoutId id="2147483888" r:id="rId45"/>
    <p:sldLayoutId id="2147483889" r:id="rId46"/>
  </p:sldLayoutIdLst>
  <p:hf sldNum="0" hdr="0" ftr="0" dt="0"/>
  <p:txStyles>
    <p:titleStyle>
      <a:lvl1pPr algn="l" defTabSz="914400" rtl="0" eaLnBrk="1" latinLnBrk="0" hangingPunct="1">
        <a:lnSpc>
          <a:spcPct val="87000"/>
        </a:lnSpc>
        <a:spcBef>
          <a:spcPct val="0"/>
        </a:spcBef>
        <a:buNone/>
        <a:defRPr sz="4000" b="0" kern="1200">
          <a:solidFill>
            <a:schemeClr val="accent1"/>
          </a:solidFill>
          <a:latin typeface="+mj-lt"/>
          <a:ea typeface="+mj-ea"/>
          <a:cs typeface="+mj-cs"/>
        </a:defRPr>
      </a:lvl1pPr>
    </p:titleStyle>
    <p:body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3pPr>
      <a:lvl4pPr marL="0" indent="0" algn="l" defTabSz="914400" rtl="0" eaLnBrk="1" latinLnBrk="0" hangingPunct="1">
        <a:lnSpc>
          <a:spcPct val="93000"/>
        </a:lnSpc>
        <a:spcBef>
          <a:spcPts val="0"/>
        </a:spcBef>
        <a:spcAft>
          <a:spcPts val="0"/>
        </a:spcAft>
        <a:buFont typeface="Arial" panose="020B0604020202020204" pitchFamily="34" charset="0"/>
        <a:buChar char="​"/>
        <a:defRPr sz="2000" b="1" kern="1200">
          <a:solidFill>
            <a:schemeClr val="accent1"/>
          </a:solidFill>
          <a:latin typeface="+mn-lt"/>
          <a:ea typeface="+mn-ea"/>
          <a:cs typeface="+mn-cs"/>
        </a:defRPr>
      </a:lvl4pPr>
      <a:lvl5pPr marL="0" indent="0" algn="l" defTabSz="914400" rtl="0" eaLnBrk="1" latinLnBrk="0" hangingPunct="1">
        <a:lnSpc>
          <a:spcPct val="93000"/>
        </a:lnSpc>
        <a:spcBef>
          <a:spcPts val="0"/>
        </a:spcBef>
        <a:spcAft>
          <a:spcPts val="1200"/>
        </a:spcAft>
        <a:buFont typeface="Arial" panose="020B0604020202020204" pitchFamily="34" charset="0"/>
        <a:buChar char="​"/>
        <a:tabLst/>
        <a:defRPr sz="2000" kern="1200">
          <a:solidFill>
            <a:schemeClr val="accent1"/>
          </a:solidFill>
          <a:latin typeface="+mn-lt"/>
          <a:ea typeface="+mn-ea"/>
          <a:cs typeface="+mn-cs"/>
        </a:defRPr>
      </a:lvl5pPr>
      <a:lvl6pPr marL="90000" indent="-90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accent1"/>
          </a:solidFill>
          <a:latin typeface="+mn-lt"/>
          <a:ea typeface="+mn-ea"/>
          <a:cs typeface="+mn-cs"/>
        </a:defRPr>
      </a:lvl6pPr>
      <a:lvl7pPr marL="0" indent="0" algn="l" defTabSz="914400" rtl="0" eaLnBrk="1" latinLnBrk="0" hangingPunct="1">
        <a:lnSpc>
          <a:spcPct val="100000"/>
        </a:lnSpc>
        <a:spcBef>
          <a:spcPts val="0"/>
        </a:spcBef>
        <a:spcAft>
          <a:spcPts val="0"/>
        </a:spcAft>
        <a:buFont typeface="Arial" panose="020B0604020202020204" pitchFamily="34" charset="0"/>
        <a:buChar char="​"/>
        <a:defRPr sz="1000" b="1" kern="1200" baseline="0">
          <a:solidFill>
            <a:schemeClr val="accent1"/>
          </a:solidFill>
          <a:latin typeface="+mn-lt"/>
          <a:ea typeface="+mn-ea"/>
          <a:cs typeface="+mn-cs"/>
        </a:defRPr>
      </a:lvl7pPr>
      <a:lvl8pPr marL="0" indent="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accent1"/>
          </a:solidFill>
          <a:latin typeface="+mn-lt"/>
          <a:ea typeface="+mn-ea"/>
          <a:cs typeface="+mn-cs"/>
        </a:defRPr>
      </a:lvl8pPr>
      <a:lvl9pPr marL="0" indent="0" algn="l" defTabSz="914400" rtl="0" eaLnBrk="1" latinLnBrk="0" hangingPunct="1">
        <a:lnSpc>
          <a:spcPct val="87000"/>
        </a:lnSpc>
        <a:spcBef>
          <a:spcPts val="0"/>
        </a:spcBef>
        <a:spcAft>
          <a:spcPts val="1200"/>
        </a:spcAft>
        <a:buFont typeface="Arial" panose="020B0604020202020204" pitchFamily="34" charset="0"/>
        <a:buChar char="​"/>
        <a:defRPr sz="600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08">
          <p15:clr>
            <a:srgbClr val="F26B43"/>
          </p15:clr>
        </p15:guide>
        <p15:guide id="2" pos="830">
          <p15:clr>
            <a:srgbClr val="A4A4A4"/>
          </p15:clr>
        </p15:guide>
        <p15:guide id="3" orient="horz" pos="408">
          <p15:clr>
            <a:srgbClr val="F26B43"/>
          </p15:clr>
        </p15:guide>
        <p15:guide id="4" orient="horz" pos="3748">
          <p15:clr>
            <a:srgbClr val="F26B43"/>
          </p15:clr>
        </p15:guide>
        <p15:guide id="5" pos="993">
          <p15:clr>
            <a:srgbClr val="A4A4A4"/>
          </p15:clr>
        </p15:guide>
        <p15:guide id="6" pos="1416">
          <p15:clr>
            <a:srgbClr val="A4A4A4"/>
          </p15:clr>
        </p15:guide>
        <p15:guide id="7" pos="1579">
          <p15:clr>
            <a:srgbClr val="A4A4A4"/>
          </p15:clr>
        </p15:guide>
        <p15:guide id="8" pos="2001">
          <p15:clr>
            <a:srgbClr val="A4A4A4"/>
          </p15:clr>
        </p15:guide>
        <p15:guide id="9" pos="2164">
          <p15:clr>
            <a:srgbClr val="A4A4A4"/>
          </p15:clr>
        </p15:guide>
        <p15:guide id="10" pos="2587">
          <p15:clr>
            <a:srgbClr val="A4A4A4"/>
          </p15:clr>
        </p15:guide>
        <p15:guide id="11" pos="2750">
          <p15:clr>
            <a:srgbClr val="A4A4A4"/>
          </p15:clr>
        </p15:guide>
        <p15:guide id="12" pos="3172">
          <p15:clr>
            <a:srgbClr val="A4A4A4"/>
          </p15:clr>
        </p15:guide>
        <p15:guide id="13" pos="3336">
          <p15:clr>
            <a:srgbClr val="A4A4A4"/>
          </p15:clr>
        </p15:guide>
        <p15:guide id="14" pos="3758">
          <p15:clr>
            <a:srgbClr val="A4A4A4"/>
          </p15:clr>
        </p15:guide>
        <p15:guide id="15" pos="3921">
          <p15:clr>
            <a:srgbClr val="A4A4A4"/>
          </p15:clr>
        </p15:guide>
        <p15:guide id="16" pos="4343">
          <p15:clr>
            <a:srgbClr val="A4A4A4"/>
          </p15:clr>
        </p15:guide>
        <p15:guide id="17" pos="4507">
          <p15:clr>
            <a:srgbClr val="A4A4A4"/>
          </p15:clr>
        </p15:guide>
        <p15:guide id="18" pos="4929">
          <p15:clr>
            <a:srgbClr val="A4A4A4"/>
          </p15:clr>
        </p15:guide>
        <p15:guide id="19" pos="5092">
          <p15:clr>
            <a:srgbClr val="A4A4A4"/>
          </p15:clr>
        </p15:guide>
        <p15:guide id="20" pos="5515">
          <p15:clr>
            <a:srgbClr val="A4A4A4"/>
          </p15:clr>
        </p15:guide>
        <p15:guide id="21" pos="5678">
          <p15:clr>
            <a:srgbClr val="A4A4A4"/>
          </p15:clr>
        </p15:guide>
        <p15:guide id="22" pos="6100">
          <p15:clr>
            <a:srgbClr val="A4A4A4"/>
          </p15:clr>
        </p15:guide>
        <p15:guide id="23" pos="6263">
          <p15:clr>
            <a:srgbClr val="A4A4A4"/>
          </p15:clr>
        </p15:guide>
        <p15:guide id="24" pos="6686">
          <p15:clr>
            <a:srgbClr val="A4A4A4"/>
          </p15:clr>
        </p15:guide>
        <p15:guide id="25" pos="6849">
          <p15:clr>
            <a:srgbClr val="A4A4A4"/>
          </p15:clr>
        </p15:guide>
        <p15:guide id="26" pos="7271">
          <p15:clr>
            <a:srgbClr val="F26B43"/>
          </p15:clr>
        </p15:guide>
        <p15:guide id="27" orient="horz" pos="1224">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10.xml"/><Relationship Id="rId1" Type="http://schemas.openxmlformats.org/officeDocument/2006/relationships/slideLayout" Target="../slideLayouts/slideLayout28.xml"/></Relationships>
</file>

<file path=ppt/slides/_rels/slide11.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11.xml"/><Relationship Id="rId1" Type="http://schemas.openxmlformats.org/officeDocument/2006/relationships/slideLayout" Target="../slideLayouts/slideLayout69.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13.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39.xml"/><Relationship Id="rId2" Type="http://schemas.openxmlformats.org/officeDocument/2006/relationships/customXml" Target="../../customXml/item9.xml"/><Relationship Id="rId1" Type="http://schemas.openxmlformats.org/officeDocument/2006/relationships/customXml" Target="../../customXml/item8.xml"/></Relationships>
</file>

<file path=ppt/slides/_rels/slide2.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2.xml"/><Relationship Id="rId1" Type="http://schemas.openxmlformats.org/officeDocument/2006/relationships/slideLayout" Target="../slideLayouts/slideLayout16.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3.xml"/></Relationships>
</file>

<file path=ppt/slides/_rels/slide4.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4.xml"/><Relationship Id="rId1" Type="http://schemas.openxmlformats.org/officeDocument/2006/relationships/slideLayout" Target="../slideLayouts/slideLayout32.xml"/></Relationships>
</file>

<file path=ppt/slides/_rels/slide5.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5.xml"/><Relationship Id="rId1" Type="http://schemas.openxmlformats.org/officeDocument/2006/relationships/slideLayout" Target="../slideLayouts/slideLayout27.xml"/></Relationships>
</file>

<file path=ppt/slides/_rels/slide6.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notesSlide" Target="../notesSlides/notesSlide7.xml"/><Relationship Id="rId1" Type="http://schemas.openxmlformats.org/officeDocument/2006/relationships/slideLayout" Target="../slideLayouts/slideLayout26.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44.xml"/></Relationships>
</file>

<file path=ppt/slides/_rels/slide9.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9.xml"/><Relationship Id="rId1" Type="http://schemas.openxmlformats.org/officeDocument/2006/relationships/slideLayout" Target="../slideLayouts/slideLayout31.xml"/><Relationship Id="rId4" Type="http://schemas.openxmlformats.org/officeDocument/2006/relationships/image" Target="../media/image31.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Pladsholder til tekst 14">
            <a:extLst>
              <a:ext uri="{FF2B5EF4-FFF2-40B4-BE49-F238E27FC236}">
                <a16:creationId xmlns:a16="http://schemas.microsoft.com/office/drawing/2014/main" id="{2E315BDA-137C-6B61-B4C5-6E7C3035A5C1}"/>
              </a:ext>
            </a:extLst>
          </p:cNvPr>
          <p:cNvSpPr>
            <a:spLocks noGrp="1"/>
          </p:cNvSpPr>
          <p:nvPr>
            <p:ph type="body" sz="quarter" idx="18"/>
          </p:nvPr>
        </p:nvSpPr>
        <p:spPr/>
        <p:txBody>
          <a:bodyPr/>
          <a:lstStyle/>
          <a:p>
            <a:r>
              <a:rPr lang="da-DK" dirty="0"/>
              <a:t>Lise Bjørg Pedersen </a:t>
            </a:r>
          </a:p>
        </p:txBody>
      </p:sp>
      <p:sp>
        <p:nvSpPr>
          <p:cNvPr id="16" name="Pladsholder til tekst 15">
            <a:extLst>
              <a:ext uri="{FF2B5EF4-FFF2-40B4-BE49-F238E27FC236}">
                <a16:creationId xmlns:a16="http://schemas.microsoft.com/office/drawing/2014/main" id="{8C86E3D4-8414-73D3-BB61-9B80E34CE5D3}"/>
              </a:ext>
            </a:extLst>
          </p:cNvPr>
          <p:cNvSpPr>
            <a:spLocks noGrp="1"/>
          </p:cNvSpPr>
          <p:nvPr>
            <p:ph type="body" sz="quarter" idx="19"/>
          </p:nvPr>
        </p:nvSpPr>
        <p:spPr>
          <a:xfrm>
            <a:off x="647999" y="3629479"/>
            <a:ext cx="4849417" cy="324000"/>
          </a:xfrm>
        </p:spPr>
        <p:txBody>
          <a:bodyPr/>
          <a:lstStyle/>
          <a:p>
            <a:r>
              <a:rPr lang="da-DK" dirty="0"/>
              <a:t>Fagleder, Kollektiv transport  &amp; Cykling</a:t>
            </a:r>
          </a:p>
          <a:p>
            <a:r>
              <a:rPr lang="da-DK" dirty="0"/>
              <a:t> </a:t>
            </a:r>
          </a:p>
        </p:txBody>
      </p:sp>
      <p:sp>
        <p:nvSpPr>
          <p:cNvPr id="5" name="Pladsholder til dato 4">
            <a:extLst>
              <a:ext uri="{FF2B5EF4-FFF2-40B4-BE49-F238E27FC236}">
                <a16:creationId xmlns:a16="http://schemas.microsoft.com/office/drawing/2014/main" id="{DD6EF1FE-C1DF-C48C-BEE7-2332199FE9A7}"/>
              </a:ext>
            </a:extLst>
          </p:cNvPr>
          <p:cNvSpPr>
            <a:spLocks noGrp="1"/>
          </p:cNvSpPr>
          <p:nvPr>
            <p:ph type="dt" sz="half" idx="15"/>
          </p:nvPr>
        </p:nvSpPr>
        <p:spPr>
          <a:xfrm>
            <a:off x="648000" y="4019265"/>
            <a:ext cx="3960000" cy="324000"/>
          </a:xfrm>
        </p:spPr>
        <p:txBody>
          <a:bodyPr/>
          <a:lstStyle/>
          <a:p>
            <a:r>
              <a:rPr lang="da-DK" dirty="0"/>
              <a:t>13. september 2024</a:t>
            </a:r>
          </a:p>
        </p:txBody>
      </p:sp>
      <p:sp>
        <p:nvSpPr>
          <p:cNvPr id="14" name="Titel 13">
            <a:extLst>
              <a:ext uri="{FF2B5EF4-FFF2-40B4-BE49-F238E27FC236}">
                <a16:creationId xmlns:a16="http://schemas.microsoft.com/office/drawing/2014/main" id="{02F27042-6B5D-D719-3CDE-E46C03A0859D}"/>
              </a:ext>
            </a:extLst>
          </p:cNvPr>
          <p:cNvSpPr>
            <a:spLocks noGrp="1"/>
          </p:cNvSpPr>
          <p:nvPr>
            <p:ph type="ctrTitle"/>
          </p:nvPr>
        </p:nvSpPr>
        <p:spPr>
          <a:xfrm>
            <a:off x="647999" y="647999"/>
            <a:ext cx="5894691" cy="2205560"/>
          </a:xfrm>
        </p:spPr>
        <p:txBody>
          <a:bodyPr anchor="ctr"/>
          <a:lstStyle/>
          <a:p>
            <a:r>
              <a:rPr lang="da-DK" dirty="0"/>
              <a:t>Kollektiv transport betydning for erhvervslivet </a:t>
            </a:r>
          </a:p>
        </p:txBody>
      </p:sp>
    </p:spTree>
    <p:custDataLst>
      <p:custData r:id="rId1"/>
      <p:custData r:id="rId2"/>
    </p:custDataLst>
    <p:extLst>
      <p:ext uri="{BB962C8B-B14F-4D97-AF65-F5344CB8AC3E}">
        <p14:creationId xmlns:p14="http://schemas.microsoft.com/office/powerpoint/2010/main" val="322119010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13F6786-CF38-5C0A-DAD2-8E39CBFC8EAD}"/>
              </a:ext>
            </a:extLst>
          </p:cNvPr>
          <p:cNvSpPr>
            <a:spLocks noGrp="1"/>
          </p:cNvSpPr>
          <p:nvPr>
            <p:ph type="title"/>
          </p:nvPr>
        </p:nvSpPr>
        <p:spPr/>
        <p:txBody>
          <a:bodyPr/>
          <a:lstStyle/>
          <a:p>
            <a:r>
              <a:rPr lang="da-DK" dirty="0"/>
              <a:t>Fordobling af ture i den kollektive transport i 2035</a:t>
            </a:r>
          </a:p>
        </p:txBody>
      </p:sp>
      <p:pic>
        <p:nvPicPr>
          <p:cNvPr id="13" name="Content Placeholder 12">
            <a:extLst>
              <a:ext uri="{FF2B5EF4-FFF2-40B4-BE49-F238E27FC236}">
                <a16:creationId xmlns:a16="http://schemas.microsoft.com/office/drawing/2014/main" id="{43616528-9B1E-9048-D299-E80BBA7F270E}"/>
              </a:ext>
            </a:extLst>
          </p:cNvPr>
          <p:cNvPicPr>
            <a:picLocks noGrp="1" noChangeAspect="1"/>
          </p:cNvPicPr>
          <p:nvPr>
            <p:ph idx="1"/>
          </p:nvPr>
        </p:nvPicPr>
        <p:blipFill>
          <a:blip r:embed="rId3"/>
          <a:stretch>
            <a:fillRect/>
          </a:stretch>
        </p:blipFill>
        <p:spPr>
          <a:xfrm>
            <a:off x="4703581" y="1943100"/>
            <a:ext cx="6778988" cy="3748088"/>
          </a:xfrm>
        </p:spPr>
      </p:pic>
      <p:sp>
        <p:nvSpPr>
          <p:cNvPr id="10" name="Content Placeholder 9">
            <a:extLst>
              <a:ext uri="{FF2B5EF4-FFF2-40B4-BE49-F238E27FC236}">
                <a16:creationId xmlns:a16="http://schemas.microsoft.com/office/drawing/2014/main" id="{E07E02DA-90E9-3A90-A2D1-677114E24D93}"/>
              </a:ext>
            </a:extLst>
          </p:cNvPr>
          <p:cNvSpPr>
            <a:spLocks noGrp="1"/>
          </p:cNvSpPr>
          <p:nvPr>
            <p:ph idx="13"/>
          </p:nvPr>
        </p:nvSpPr>
        <p:spPr>
          <a:xfrm>
            <a:off x="648000" y="1943100"/>
            <a:ext cx="3050240" cy="4006850"/>
          </a:xfrm>
        </p:spPr>
        <p:txBody>
          <a:bodyPr/>
          <a:lstStyle/>
          <a:p>
            <a:r>
              <a:rPr lang="da-DK" sz="2400" dirty="0"/>
              <a:t>Det kræver, at en systemisk forandringsindsats. En tilgang, hvor mange forskellige aktører arbejder tæt sammen for at nå et fælles  </a:t>
            </a:r>
            <a:r>
              <a:rPr lang="da-DK" sz="2400"/>
              <a:t>overordnet mål. </a:t>
            </a:r>
            <a:endParaRPr lang="da-DK" sz="2400" dirty="0"/>
          </a:p>
        </p:txBody>
      </p:sp>
      <p:sp>
        <p:nvSpPr>
          <p:cNvPr id="11" name="Text Placeholder 10">
            <a:extLst>
              <a:ext uri="{FF2B5EF4-FFF2-40B4-BE49-F238E27FC236}">
                <a16:creationId xmlns:a16="http://schemas.microsoft.com/office/drawing/2014/main" id="{3FD79E54-9C8E-626D-4AE7-C69786C99B77}"/>
              </a:ext>
            </a:extLst>
          </p:cNvPr>
          <p:cNvSpPr>
            <a:spLocks noGrp="1"/>
          </p:cNvSpPr>
          <p:nvPr>
            <p:ph type="body" sz="quarter" idx="17"/>
          </p:nvPr>
        </p:nvSpPr>
        <p:spPr/>
        <p:txBody>
          <a:bodyPr/>
          <a:lstStyle/>
          <a:p>
            <a:endParaRPr lang="da-DK"/>
          </a:p>
        </p:txBody>
      </p:sp>
    </p:spTree>
    <p:extLst>
      <p:ext uri="{BB962C8B-B14F-4D97-AF65-F5344CB8AC3E}">
        <p14:creationId xmlns:p14="http://schemas.microsoft.com/office/powerpoint/2010/main" val="235223640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16DE3-AC67-B54B-9F10-FB89C3068FB8}"/>
              </a:ext>
            </a:extLst>
          </p:cNvPr>
          <p:cNvSpPr>
            <a:spLocks noGrp="1"/>
          </p:cNvSpPr>
          <p:nvPr>
            <p:ph type="title"/>
          </p:nvPr>
        </p:nvSpPr>
        <p:spPr>
          <a:xfrm>
            <a:off x="648000" y="647999"/>
            <a:ext cx="10897200" cy="532800"/>
          </a:xfrm>
        </p:spPr>
        <p:txBody>
          <a:bodyPr anchor="t">
            <a:normAutofit/>
          </a:bodyPr>
          <a:lstStyle/>
          <a:p>
            <a:r>
              <a:rPr lang="da-DK" dirty="0"/>
              <a:t>Opmærksomhedspunkter om mobilitetshubs </a:t>
            </a:r>
          </a:p>
        </p:txBody>
      </p:sp>
      <p:sp>
        <p:nvSpPr>
          <p:cNvPr id="17" name="Subtitle 2">
            <a:extLst>
              <a:ext uri="{FF2B5EF4-FFF2-40B4-BE49-F238E27FC236}">
                <a16:creationId xmlns:a16="http://schemas.microsoft.com/office/drawing/2014/main" id="{018ABAD0-5420-7831-47A3-EAE6EF92B46B}"/>
              </a:ext>
            </a:extLst>
          </p:cNvPr>
          <p:cNvSpPr>
            <a:spLocks noGrp="1"/>
          </p:cNvSpPr>
          <p:nvPr>
            <p:ph type="subTitle" idx="13"/>
          </p:nvPr>
        </p:nvSpPr>
        <p:spPr>
          <a:xfrm>
            <a:off x="648000" y="1184400"/>
            <a:ext cx="10897200" cy="370800"/>
          </a:xfrm>
        </p:spPr>
        <p:txBody>
          <a:bodyPr/>
          <a:lstStyle/>
          <a:p>
            <a:endParaRPr lang="en-US"/>
          </a:p>
        </p:txBody>
      </p:sp>
      <p:sp>
        <p:nvSpPr>
          <p:cNvPr id="19" name="Text Placeholder 4">
            <a:extLst>
              <a:ext uri="{FF2B5EF4-FFF2-40B4-BE49-F238E27FC236}">
                <a16:creationId xmlns:a16="http://schemas.microsoft.com/office/drawing/2014/main" id="{2DBC66F6-558F-0AF4-141A-B8FA8D2C46FB}"/>
              </a:ext>
            </a:extLst>
          </p:cNvPr>
          <p:cNvSpPr>
            <a:spLocks noGrp="1"/>
          </p:cNvSpPr>
          <p:nvPr>
            <p:ph type="body" sz="quarter" idx="17"/>
          </p:nvPr>
        </p:nvSpPr>
        <p:spPr>
          <a:xfrm>
            <a:off x="6224588" y="5949949"/>
            <a:ext cx="5320612" cy="291600"/>
          </a:xfrm>
        </p:spPr>
        <p:txBody>
          <a:bodyPr/>
          <a:lstStyle/>
          <a:p>
            <a:endParaRPr lang="en-US"/>
          </a:p>
        </p:txBody>
      </p:sp>
      <p:graphicFrame>
        <p:nvGraphicFramePr>
          <p:cNvPr id="13" name="Content Placeholder 9">
            <a:extLst>
              <a:ext uri="{FF2B5EF4-FFF2-40B4-BE49-F238E27FC236}">
                <a16:creationId xmlns:a16="http://schemas.microsoft.com/office/drawing/2014/main" id="{F8B49FD3-42D8-644A-7C2F-0B49688B5463}"/>
              </a:ext>
            </a:extLst>
          </p:cNvPr>
          <p:cNvGraphicFramePr>
            <a:graphicFrameLocks noGrp="1"/>
          </p:cNvGraphicFramePr>
          <p:nvPr>
            <p:ph idx="1"/>
            <p:extLst>
              <p:ext uri="{D42A27DB-BD31-4B8C-83A1-F6EECF244321}">
                <p14:modId xmlns:p14="http://schemas.microsoft.com/office/powerpoint/2010/main" val="3040568202"/>
              </p:ext>
            </p:extLst>
          </p:nvPr>
        </p:nvGraphicFramePr>
        <p:xfrm>
          <a:off x="647999" y="1944000"/>
          <a:ext cx="10894713" cy="37476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50195083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0132EAC-0AB9-AEE2-6F1D-37D806906A56}"/>
              </a:ext>
            </a:extLst>
          </p:cNvPr>
          <p:cNvSpPr>
            <a:spLocks noGrp="1"/>
          </p:cNvSpPr>
          <p:nvPr>
            <p:ph type="title"/>
          </p:nvPr>
        </p:nvSpPr>
        <p:spPr/>
        <p:txBody>
          <a:bodyPr/>
          <a:lstStyle/>
          <a:p>
            <a:r>
              <a:rPr lang="da-DK" dirty="0"/>
              <a:t>Budskaber </a:t>
            </a:r>
            <a:r>
              <a:rPr lang="da-DK" dirty="0">
                <a:highlight>
                  <a:srgbClr val="FFFF00"/>
                </a:highlight>
              </a:rPr>
              <a:t> </a:t>
            </a:r>
          </a:p>
        </p:txBody>
      </p:sp>
      <p:sp>
        <p:nvSpPr>
          <p:cNvPr id="3" name="Text Placeholder 2">
            <a:extLst>
              <a:ext uri="{FF2B5EF4-FFF2-40B4-BE49-F238E27FC236}">
                <a16:creationId xmlns:a16="http://schemas.microsoft.com/office/drawing/2014/main" id="{FA2892C0-FFE9-6250-BE30-24ADE3107634}"/>
              </a:ext>
            </a:extLst>
          </p:cNvPr>
          <p:cNvSpPr>
            <a:spLocks noGrp="1"/>
          </p:cNvSpPr>
          <p:nvPr>
            <p:ph type="body" sz="quarter" idx="18"/>
          </p:nvPr>
        </p:nvSpPr>
        <p:spPr>
          <a:xfrm>
            <a:off x="648000" y="1659690"/>
            <a:ext cx="669625" cy="4550309"/>
          </a:xfrm>
        </p:spPr>
        <p:txBody>
          <a:bodyPr/>
          <a:lstStyle/>
          <a:p>
            <a:r>
              <a:rPr lang="da-DK" sz="3600" dirty="0"/>
              <a:t>01</a:t>
            </a:r>
          </a:p>
          <a:p>
            <a:endParaRPr lang="da-DK" sz="3600" dirty="0"/>
          </a:p>
          <a:p>
            <a:r>
              <a:rPr lang="da-DK" sz="3600" dirty="0"/>
              <a:t>02</a:t>
            </a:r>
          </a:p>
          <a:p>
            <a:endParaRPr lang="da-DK" sz="3600" dirty="0"/>
          </a:p>
          <a:p>
            <a:r>
              <a:rPr lang="da-DK" sz="3600" dirty="0"/>
              <a:t>03</a:t>
            </a:r>
          </a:p>
          <a:p>
            <a:endParaRPr lang="da-DK" sz="3600" dirty="0"/>
          </a:p>
          <a:p>
            <a:r>
              <a:rPr lang="da-DK" sz="3600" dirty="0"/>
              <a:t>04</a:t>
            </a:r>
          </a:p>
        </p:txBody>
      </p:sp>
      <p:sp>
        <p:nvSpPr>
          <p:cNvPr id="4" name="Text Placeholder 3">
            <a:extLst>
              <a:ext uri="{FF2B5EF4-FFF2-40B4-BE49-F238E27FC236}">
                <a16:creationId xmlns:a16="http://schemas.microsoft.com/office/drawing/2014/main" id="{43F136F2-1C5D-D35A-FE8E-E1B379D768D3}"/>
              </a:ext>
            </a:extLst>
          </p:cNvPr>
          <p:cNvSpPr>
            <a:spLocks noGrp="1"/>
          </p:cNvSpPr>
          <p:nvPr>
            <p:ph type="body" sz="quarter" idx="13"/>
          </p:nvPr>
        </p:nvSpPr>
        <p:spPr>
          <a:xfrm>
            <a:off x="1577674" y="1659690"/>
            <a:ext cx="9966326" cy="4733425"/>
          </a:xfrm>
        </p:spPr>
        <p:txBody>
          <a:bodyPr/>
          <a:lstStyle/>
          <a:p>
            <a:r>
              <a:rPr lang="da-DK" sz="3600" dirty="0"/>
              <a:t>Erhvervslivet har brug for attraktive kollektive mobilitetsløsninger</a:t>
            </a:r>
          </a:p>
          <a:p>
            <a:r>
              <a:rPr lang="da-DK" sz="3600" dirty="0"/>
              <a:t>Kollektiv trafik er mere end bare antal passagerer i bussen. Det har en større samfundsmæssig værdi. </a:t>
            </a:r>
          </a:p>
          <a:p>
            <a:r>
              <a:rPr lang="da-DK" sz="3600" dirty="0"/>
              <a:t>Sæt ambitiøse mål for den kollektive mobilitet og se det som en systemisk forandringsindsats</a:t>
            </a:r>
          </a:p>
          <a:p>
            <a:r>
              <a:rPr lang="da-DK" sz="3600" dirty="0"/>
              <a:t>Udviklingen af attraktive mobilitetshubs tager tid og det tager tid for brugerne at tage dem til sig. </a:t>
            </a:r>
          </a:p>
        </p:txBody>
      </p:sp>
    </p:spTree>
    <p:extLst>
      <p:ext uri="{BB962C8B-B14F-4D97-AF65-F5344CB8AC3E}">
        <p14:creationId xmlns:p14="http://schemas.microsoft.com/office/powerpoint/2010/main" val="306199632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EAE0A541-B0E7-DC9D-2DBA-BF049E5920A1}"/>
              </a:ext>
            </a:extLst>
          </p:cNvPr>
          <p:cNvSpPr>
            <a:spLocks noGrp="1"/>
          </p:cNvSpPr>
          <p:nvPr>
            <p:ph type="ctrTitle"/>
          </p:nvPr>
        </p:nvSpPr>
        <p:spPr/>
        <p:txBody>
          <a:bodyPr/>
          <a:lstStyle/>
          <a:p>
            <a:r>
              <a:rPr lang="da-DK" dirty="0"/>
              <a:t>Tak for ordet!</a:t>
            </a:r>
          </a:p>
        </p:txBody>
      </p:sp>
    </p:spTree>
    <p:custDataLst>
      <p:custData r:id="rId1"/>
      <p:custData r:id="rId2"/>
    </p:custDataLst>
    <p:extLst>
      <p:ext uri="{BB962C8B-B14F-4D97-AF65-F5344CB8AC3E}">
        <p14:creationId xmlns:p14="http://schemas.microsoft.com/office/powerpoint/2010/main" val="34664807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CB65DA32-EA8F-E56C-FD85-DC67D0021045}"/>
              </a:ext>
            </a:extLst>
          </p:cNvPr>
          <p:cNvSpPr>
            <a:spLocks noGrp="1"/>
          </p:cNvSpPr>
          <p:nvPr>
            <p:ph type="title"/>
          </p:nvPr>
        </p:nvSpPr>
        <p:spPr/>
        <p:txBody>
          <a:bodyPr/>
          <a:lstStyle/>
          <a:p>
            <a:endParaRPr lang="da-DK"/>
          </a:p>
        </p:txBody>
      </p:sp>
      <p:sp>
        <p:nvSpPr>
          <p:cNvPr id="8" name="Table Placeholder 7">
            <a:extLst>
              <a:ext uri="{FF2B5EF4-FFF2-40B4-BE49-F238E27FC236}">
                <a16:creationId xmlns:a16="http://schemas.microsoft.com/office/drawing/2014/main" id="{9A5CC934-47CC-AFD1-D435-CF9579E837D0}"/>
              </a:ext>
            </a:extLst>
          </p:cNvPr>
          <p:cNvSpPr>
            <a:spLocks noGrp="1"/>
          </p:cNvSpPr>
          <p:nvPr>
            <p:ph type="tbl" sz="quarter" idx="18"/>
          </p:nvPr>
        </p:nvSpPr>
        <p:spPr/>
        <p:txBody>
          <a:bodyPr/>
          <a:lstStyle/>
          <a:p>
            <a:endParaRPr lang="da-DK"/>
          </a:p>
        </p:txBody>
      </p:sp>
      <p:pic>
        <p:nvPicPr>
          <p:cNvPr id="6" name="Picture 5">
            <a:extLst>
              <a:ext uri="{FF2B5EF4-FFF2-40B4-BE49-F238E27FC236}">
                <a16:creationId xmlns:a16="http://schemas.microsoft.com/office/drawing/2014/main" id="{C8958210-77A1-B405-5A2A-94A664726993}"/>
              </a:ext>
            </a:extLst>
          </p:cNvPr>
          <p:cNvPicPr>
            <a:picLocks noChangeAspect="1"/>
          </p:cNvPicPr>
          <p:nvPr/>
        </p:nvPicPr>
        <p:blipFill>
          <a:blip r:embed="rId3"/>
          <a:stretch>
            <a:fillRect/>
          </a:stretch>
        </p:blipFill>
        <p:spPr>
          <a:xfrm>
            <a:off x="3964279" y="2212377"/>
            <a:ext cx="4261853" cy="2925595"/>
          </a:xfrm>
          <a:prstGeom prst="rect">
            <a:avLst/>
          </a:prstGeom>
        </p:spPr>
      </p:pic>
    </p:spTree>
    <p:extLst>
      <p:ext uri="{BB962C8B-B14F-4D97-AF65-F5344CB8AC3E}">
        <p14:creationId xmlns:p14="http://schemas.microsoft.com/office/powerpoint/2010/main" val="210378233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0132EAC-0AB9-AEE2-6F1D-37D806906A56}"/>
              </a:ext>
            </a:extLst>
          </p:cNvPr>
          <p:cNvSpPr>
            <a:spLocks noGrp="1"/>
          </p:cNvSpPr>
          <p:nvPr>
            <p:ph type="title"/>
          </p:nvPr>
        </p:nvSpPr>
        <p:spPr/>
        <p:txBody>
          <a:bodyPr/>
          <a:lstStyle/>
          <a:p>
            <a:r>
              <a:rPr lang="da-DK" dirty="0"/>
              <a:t>Budskaber </a:t>
            </a:r>
            <a:r>
              <a:rPr lang="da-DK" dirty="0">
                <a:highlight>
                  <a:srgbClr val="FFFF00"/>
                </a:highlight>
              </a:rPr>
              <a:t> </a:t>
            </a:r>
          </a:p>
        </p:txBody>
      </p:sp>
      <p:sp>
        <p:nvSpPr>
          <p:cNvPr id="3" name="Text Placeholder 2">
            <a:extLst>
              <a:ext uri="{FF2B5EF4-FFF2-40B4-BE49-F238E27FC236}">
                <a16:creationId xmlns:a16="http://schemas.microsoft.com/office/drawing/2014/main" id="{FA2892C0-FFE9-6250-BE30-24ADE3107634}"/>
              </a:ext>
            </a:extLst>
          </p:cNvPr>
          <p:cNvSpPr>
            <a:spLocks noGrp="1"/>
          </p:cNvSpPr>
          <p:nvPr>
            <p:ph type="body" sz="quarter" idx="18"/>
          </p:nvPr>
        </p:nvSpPr>
        <p:spPr>
          <a:xfrm>
            <a:off x="648000" y="1659690"/>
            <a:ext cx="669625" cy="4550309"/>
          </a:xfrm>
        </p:spPr>
        <p:txBody>
          <a:bodyPr/>
          <a:lstStyle/>
          <a:p>
            <a:r>
              <a:rPr lang="da-DK" sz="3600" dirty="0"/>
              <a:t>01</a:t>
            </a:r>
          </a:p>
          <a:p>
            <a:endParaRPr lang="da-DK" sz="3600" dirty="0"/>
          </a:p>
          <a:p>
            <a:r>
              <a:rPr lang="da-DK" sz="3600" dirty="0"/>
              <a:t>02</a:t>
            </a:r>
          </a:p>
          <a:p>
            <a:endParaRPr lang="da-DK" sz="3600" dirty="0"/>
          </a:p>
          <a:p>
            <a:r>
              <a:rPr lang="da-DK" sz="3600" dirty="0"/>
              <a:t>03</a:t>
            </a:r>
          </a:p>
          <a:p>
            <a:endParaRPr lang="da-DK" sz="3600" dirty="0"/>
          </a:p>
          <a:p>
            <a:r>
              <a:rPr lang="da-DK" sz="3600" dirty="0"/>
              <a:t>04</a:t>
            </a:r>
          </a:p>
        </p:txBody>
      </p:sp>
      <p:sp>
        <p:nvSpPr>
          <p:cNvPr id="4" name="Text Placeholder 3">
            <a:extLst>
              <a:ext uri="{FF2B5EF4-FFF2-40B4-BE49-F238E27FC236}">
                <a16:creationId xmlns:a16="http://schemas.microsoft.com/office/drawing/2014/main" id="{43F136F2-1C5D-D35A-FE8E-E1B379D768D3}"/>
              </a:ext>
            </a:extLst>
          </p:cNvPr>
          <p:cNvSpPr>
            <a:spLocks noGrp="1"/>
          </p:cNvSpPr>
          <p:nvPr>
            <p:ph type="body" sz="quarter" idx="13"/>
          </p:nvPr>
        </p:nvSpPr>
        <p:spPr>
          <a:xfrm>
            <a:off x="1577674" y="1659690"/>
            <a:ext cx="9966326" cy="4733425"/>
          </a:xfrm>
        </p:spPr>
        <p:txBody>
          <a:bodyPr/>
          <a:lstStyle/>
          <a:p>
            <a:r>
              <a:rPr lang="da-DK" sz="3600" dirty="0"/>
              <a:t>Erhvervslivet har brug for attraktive kollektive mobilitetsløsninger</a:t>
            </a:r>
          </a:p>
          <a:p>
            <a:r>
              <a:rPr lang="da-DK" sz="3600" dirty="0"/>
              <a:t>Kollektiv trafik er mere end bare antal passagerer i bussen. Den har en større samfundsmæssig værdi. </a:t>
            </a:r>
          </a:p>
          <a:p>
            <a:r>
              <a:rPr lang="da-DK" sz="3600" dirty="0"/>
              <a:t>Sæt ambitiøse mål for den kollektive mobilitet og se det som en systemisk forandringsindsats</a:t>
            </a:r>
          </a:p>
          <a:p>
            <a:r>
              <a:rPr lang="da-DK" sz="3600" dirty="0"/>
              <a:t>Udviklingen af attraktive mobilitetshubs tager tid og det tager tid for brugerne at tage dem til sig. </a:t>
            </a:r>
          </a:p>
        </p:txBody>
      </p:sp>
    </p:spTree>
    <p:extLst>
      <p:ext uri="{BB962C8B-B14F-4D97-AF65-F5344CB8AC3E}">
        <p14:creationId xmlns:p14="http://schemas.microsoft.com/office/powerpoint/2010/main" val="344548066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Picture Placeholder 15">
            <a:extLst>
              <a:ext uri="{FF2B5EF4-FFF2-40B4-BE49-F238E27FC236}">
                <a16:creationId xmlns:a16="http://schemas.microsoft.com/office/drawing/2014/main" id="{F2CE0355-4A20-BABC-17FF-DC0DBE5F2F92}"/>
              </a:ext>
            </a:extLst>
          </p:cNvPr>
          <p:cNvSpPr>
            <a:spLocks noGrp="1"/>
          </p:cNvSpPr>
          <p:nvPr>
            <p:ph type="pic" sz="quarter" idx="14"/>
          </p:nvPr>
        </p:nvSpPr>
        <p:spPr>
          <a:solidFill>
            <a:schemeClr val="bg1"/>
          </a:solidFill>
        </p:spPr>
        <p:txBody>
          <a:bodyPr/>
          <a:lstStyle/>
          <a:p>
            <a:r>
              <a:rPr lang="da-DK" dirty="0"/>
              <a:t> </a:t>
            </a:r>
          </a:p>
        </p:txBody>
      </p:sp>
      <p:sp>
        <p:nvSpPr>
          <p:cNvPr id="5" name="Title 4">
            <a:extLst>
              <a:ext uri="{FF2B5EF4-FFF2-40B4-BE49-F238E27FC236}">
                <a16:creationId xmlns:a16="http://schemas.microsoft.com/office/drawing/2014/main" id="{783AA999-B0DB-FA0A-F226-5AF75EC2EF60}"/>
              </a:ext>
            </a:extLst>
          </p:cNvPr>
          <p:cNvSpPr>
            <a:spLocks noGrp="1"/>
          </p:cNvSpPr>
          <p:nvPr>
            <p:ph type="title"/>
          </p:nvPr>
        </p:nvSpPr>
        <p:spPr/>
        <p:txBody>
          <a:bodyPr/>
          <a:lstStyle/>
          <a:p>
            <a:r>
              <a:rPr lang="da-DK" dirty="0"/>
              <a:t>Kollektiv transport er vigtig for at rekruttere medarbejdere</a:t>
            </a:r>
          </a:p>
        </p:txBody>
      </p:sp>
      <p:sp>
        <p:nvSpPr>
          <p:cNvPr id="6" name="Content Placeholder 5">
            <a:extLst>
              <a:ext uri="{FF2B5EF4-FFF2-40B4-BE49-F238E27FC236}">
                <a16:creationId xmlns:a16="http://schemas.microsoft.com/office/drawing/2014/main" id="{7CC847FE-4333-CA99-5D20-0372325815E5}"/>
              </a:ext>
            </a:extLst>
          </p:cNvPr>
          <p:cNvSpPr>
            <a:spLocks noGrp="1"/>
          </p:cNvSpPr>
          <p:nvPr>
            <p:ph idx="1"/>
          </p:nvPr>
        </p:nvSpPr>
        <p:spPr>
          <a:xfrm>
            <a:off x="648000" y="2842953"/>
            <a:ext cx="5088657" cy="3107847"/>
          </a:xfrm>
        </p:spPr>
        <p:txBody>
          <a:bodyPr/>
          <a:lstStyle/>
          <a:p>
            <a:pPr marL="0" indent="0">
              <a:buNone/>
            </a:pPr>
            <a:r>
              <a:rPr lang="da-DK" sz="2400" dirty="0"/>
              <a:t>For 7 ud af 10 virksomheder i Danmark har det betydning, at medarbejderne kan komme på arbejde med kollektiv transport.</a:t>
            </a:r>
          </a:p>
          <a:p>
            <a:endParaRPr lang="da-DK" sz="2400" dirty="0"/>
          </a:p>
          <a:p>
            <a:pPr marL="0" indent="0">
              <a:buNone/>
            </a:pPr>
            <a:r>
              <a:rPr lang="da-DK" sz="2400" dirty="0"/>
              <a:t>23 pct. af virksomhederne mener endda, at det har stor betydning. </a:t>
            </a:r>
          </a:p>
          <a:p>
            <a:endParaRPr lang="da-DK" sz="2400" dirty="0"/>
          </a:p>
          <a:p>
            <a:endParaRPr lang="da-DK" sz="2400" dirty="0"/>
          </a:p>
        </p:txBody>
      </p:sp>
      <p:grpSp>
        <p:nvGrpSpPr>
          <p:cNvPr id="7" name="Group 6">
            <a:extLst>
              <a:ext uri="{FF2B5EF4-FFF2-40B4-BE49-F238E27FC236}">
                <a16:creationId xmlns:a16="http://schemas.microsoft.com/office/drawing/2014/main" id="{F84A968E-64A7-6CEC-F412-02096917EA67}"/>
              </a:ext>
            </a:extLst>
          </p:cNvPr>
          <p:cNvGrpSpPr/>
          <p:nvPr/>
        </p:nvGrpSpPr>
        <p:grpSpPr>
          <a:xfrm>
            <a:off x="7196303" y="1725281"/>
            <a:ext cx="4347698" cy="4661078"/>
            <a:chOff x="7274560" y="1412240"/>
            <a:chExt cx="4704080" cy="5313680"/>
          </a:xfrm>
        </p:grpSpPr>
        <p:pic>
          <p:nvPicPr>
            <p:cNvPr id="3" name="Picture 2">
              <a:extLst>
                <a:ext uri="{FF2B5EF4-FFF2-40B4-BE49-F238E27FC236}">
                  <a16:creationId xmlns:a16="http://schemas.microsoft.com/office/drawing/2014/main" id="{684D6D82-850B-2D0C-E985-82EA21D53B15}"/>
                </a:ext>
              </a:extLst>
            </p:cNvPr>
            <p:cNvPicPr>
              <a:picLocks noChangeAspect="1"/>
            </p:cNvPicPr>
            <p:nvPr/>
          </p:nvPicPr>
          <p:blipFill rotWithShape="1">
            <a:blip r:embed="rId3"/>
            <a:srcRect l="1064" t="21777" r="32030" b="741"/>
            <a:stretch/>
          </p:blipFill>
          <p:spPr>
            <a:xfrm>
              <a:off x="7274560" y="1412240"/>
              <a:ext cx="4704080" cy="5313680"/>
            </a:xfrm>
            <a:prstGeom prst="rect">
              <a:avLst/>
            </a:prstGeom>
            <a:ln>
              <a:solidFill>
                <a:schemeClr val="bg1"/>
              </a:solidFill>
            </a:ln>
          </p:spPr>
        </p:pic>
        <p:pic>
          <p:nvPicPr>
            <p:cNvPr id="4" name="Picture 3">
              <a:extLst>
                <a:ext uri="{FF2B5EF4-FFF2-40B4-BE49-F238E27FC236}">
                  <a16:creationId xmlns:a16="http://schemas.microsoft.com/office/drawing/2014/main" id="{90134E1C-35EF-3890-1E72-3340506822BB}"/>
                </a:ext>
              </a:extLst>
            </p:cNvPr>
            <p:cNvPicPr>
              <a:picLocks noChangeAspect="1"/>
            </p:cNvPicPr>
            <p:nvPr/>
          </p:nvPicPr>
          <p:blipFill rotWithShape="1">
            <a:blip r:embed="rId3"/>
            <a:srcRect l="86755" t="76265" r="1396" b="9820"/>
            <a:stretch/>
          </p:blipFill>
          <p:spPr>
            <a:xfrm>
              <a:off x="10850879" y="1524773"/>
              <a:ext cx="833121" cy="954267"/>
            </a:xfrm>
            <a:prstGeom prst="rect">
              <a:avLst/>
            </a:prstGeom>
            <a:ln>
              <a:solidFill>
                <a:schemeClr val="accent3"/>
              </a:solidFill>
            </a:ln>
          </p:spPr>
        </p:pic>
      </p:grpSp>
      <p:sp>
        <p:nvSpPr>
          <p:cNvPr id="2" name="TextBox 1">
            <a:extLst>
              <a:ext uri="{FF2B5EF4-FFF2-40B4-BE49-F238E27FC236}">
                <a16:creationId xmlns:a16="http://schemas.microsoft.com/office/drawing/2014/main" id="{F219F1CD-2E65-ACD6-EF08-6D211B3C650C}"/>
              </a:ext>
            </a:extLst>
          </p:cNvPr>
          <p:cNvSpPr txBox="1"/>
          <p:nvPr/>
        </p:nvSpPr>
        <p:spPr>
          <a:xfrm>
            <a:off x="7556933" y="930474"/>
            <a:ext cx="3415867" cy="646331"/>
          </a:xfrm>
          <a:prstGeom prst="rect">
            <a:avLst/>
          </a:prstGeom>
          <a:noFill/>
        </p:spPr>
        <p:txBody>
          <a:bodyPr wrap="square" lIns="0" tIns="0" rIns="0" bIns="0" rtlCol="0">
            <a:spAutoFit/>
          </a:bodyPr>
          <a:lstStyle/>
          <a:p>
            <a:pPr algn="ctr"/>
            <a:r>
              <a:rPr lang="da-DK" sz="1400" i="1" dirty="0">
                <a:solidFill>
                  <a:schemeClr val="accent1"/>
                </a:solidFill>
              </a:rPr>
              <a:t>Andel virksomheder i regionen der har svaret, at det har betydning, at medarbejderne kan komme på arbejde med kollektiv transport.</a:t>
            </a:r>
          </a:p>
        </p:txBody>
      </p:sp>
    </p:spTree>
    <p:extLst>
      <p:ext uri="{BB962C8B-B14F-4D97-AF65-F5344CB8AC3E}">
        <p14:creationId xmlns:p14="http://schemas.microsoft.com/office/powerpoint/2010/main" val="3841818517"/>
      </p:ext>
    </p:extLst>
  </p:cSld>
  <p:clrMapOvr>
    <a:masterClrMapping/>
  </p:clrMapOvr>
  <p:transition spd="slow">
    <p:push dir="u"/>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E15DEAA-DE4C-57C9-2218-929E727D6E30}"/>
              </a:ext>
            </a:extLst>
          </p:cNvPr>
          <p:cNvSpPr>
            <a:spLocks noGrp="1"/>
          </p:cNvSpPr>
          <p:nvPr>
            <p:ph type="title"/>
          </p:nvPr>
        </p:nvSpPr>
        <p:spPr>
          <a:xfrm>
            <a:off x="648000" y="648000"/>
            <a:ext cx="10897200" cy="1296000"/>
          </a:xfrm>
        </p:spPr>
        <p:txBody>
          <a:bodyPr anchor="t">
            <a:normAutofit/>
          </a:bodyPr>
          <a:lstStyle/>
          <a:p>
            <a:r>
              <a:rPr lang="da-DK" dirty="0"/>
              <a:t>Kampen om arbejdskraften </a:t>
            </a:r>
          </a:p>
        </p:txBody>
      </p:sp>
      <p:pic>
        <p:nvPicPr>
          <p:cNvPr id="7" name="Content Placeholder 6" descr="A graph with purple lines and numbers&#10;&#10;Description automatically generated">
            <a:extLst>
              <a:ext uri="{FF2B5EF4-FFF2-40B4-BE49-F238E27FC236}">
                <a16:creationId xmlns:a16="http://schemas.microsoft.com/office/drawing/2014/main" id="{A6BA7E7E-A100-2295-55CC-94A665F1F502}"/>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1260447" y="1943100"/>
            <a:ext cx="5583731" cy="3673929"/>
          </a:xfrm>
          <a:noFill/>
        </p:spPr>
      </p:pic>
      <p:sp>
        <p:nvSpPr>
          <p:cNvPr id="12" name="Content Placeholder 3">
            <a:extLst>
              <a:ext uri="{FF2B5EF4-FFF2-40B4-BE49-F238E27FC236}">
                <a16:creationId xmlns:a16="http://schemas.microsoft.com/office/drawing/2014/main" id="{1E47FD16-CED4-822A-612A-F959B0B379CF}"/>
              </a:ext>
            </a:extLst>
          </p:cNvPr>
          <p:cNvSpPr>
            <a:spLocks noGrp="1"/>
          </p:cNvSpPr>
          <p:nvPr>
            <p:ph idx="13"/>
          </p:nvPr>
        </p:nvSpPr>
        <p:spPr>
          <a:xfrm>
            <a:off x="8554066" y="1943100"/>
            <a:ext cx="2991134" cy="4006850"/>
          </a:xfrm>
        </p:spPr>
        <p:txBody>
          <a:bodyPr/>
          <a:lstStyle/>
          <a:p>
            <a:r>
              <a:rPr lang="da-DK" dirty="0">
                <a:solidFill>
                  <a:srgbClr val="000000"/>
                </a:solidFill>
                <a:latin typeface="DI Sans Book"/>
              </a:rPr>
              <a:t>V</a:t>
            </a:r>
            <a:r>
              <a:rPr lang="da-DK" b="0" i="0" dirty="0">
                <a:solidFill>
                  <a:srgbClr val="000000"/>
                </a:solidFill>
                <a:effectLst/>
                <a:latin typeface="DI Sans Book"/>
              </a:rPr>
              <a:t>i forventer at se en svag stigning i beskæftigelsen i resten af 2024, og udviklingen vil fortsætte ind i 2025. </a:t>
            </a:r>
          </a:p>
          <a:p>
            <a:r>
              <a:rPr lang="da-DK" dirty="0">
                <a:solidFill>
                  <a:srgbClr val="000000"/>
                </a:solidFill>
                <a:latin typeface="DI Sans Book"/>
              </a:rPr>
              <a:t>Virksomheder oplever produktionsbegrænsninger grundet manglen på arbejdskraft</a:t>
            </a:r>
          </a:p>
          <a:p>
            <a:r>
              <a:rPr lang="da-DK" b="0" i="0" dirty="0">
                <a:solidFill>
                  <a:srgbClr val="000000"/>
                </a:solidFill>
                <a:effectLst/>
                <a:latin typeface="DI Sans Book"/>
              </a:rPr>
              <a:t>Derfor er det vigtigt for virksom</a:t>
            </a:r>
            <a:r>
              <a:rPr lang="da-DK" dirty="0">
                <a:solidFill>
                  <a:srgbClr val="000000"/>
                </a:solidFill>
                <a:latin typeface="DI Sans Book"/>
              </a:rPr>
              <a:t>hederne, at kunne tiltrække arbejdskraft</a:t>
            </a:r>
            <a:endParaRPr lang="da-DK" b="0" i="0" dirty="0">
              <a:solidFill>
                <a:srgbClr val="000000"/>
              </a:solidFill>
              <a:effectLst/>
              <a:latin typeface="DI Sans Book"/>
            </a:endParaRPr>
          </a:p>
          <a:p>
            <a:endParaRPr lang="en-US" dirty="0"/>
          </a:p>
        </p:txBody>
      </p:sp>
      <p:sp>
        <p:nvSpPr>
          <p:cNvPr id="14" name="Text Placeholder 4">
            <a:extLst>
              <a:ext uri="{FF2B5EF4-FFF2-40B4-BE49-F238E27FC236}">
                <a16:creationId xmlns:a16="http://schemas.microsoft.com/office/drawing/2014/main" id="{2C474413-4C69-C971-6455-CC931444488C}"/>
              </a:ext>
            </a:extLst>
          </p:cNvPr>
          <p:cNvSpPr>
            <a:spLocks noGrp="1"/>
          </p:cNvSpPr>
          <p:nvPr>
            <p:ph type="body" sz="quarter" idx="17"/>
          </p:nvPr>
        </p:nvSpPr>
        <p:spPr>
          <a:xfrm>
            <a:off x="8755062" y="5949950"/>
            <a:ext cx="2790137" cy="290332"/>
          </a:xfrm>
        </p:spPr>
        <p:txBody>
          <a:bodyPr/>
          <a:lstStyle/>
          <a:p>
            <a:endParaRPr lang="en-US"/>
          </a:p>
        </p:txBody>
      </p:sp>
    </p:spTree>
    <p:extLst>
      <p:ext uri="{BB962C8B-B14F-4D97-AF65-F5344CB8AC3E}">
        <p14:creationId xmlns:p14="http://schemas.microsoft.com/office/powerpoint/2010/main" val="112833921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00A47559-8D05-226A-D9ED-3F09771D09BF}"/>
              </a:ext>
            </a:extLst>
          </p:cNvPr>
          <p:cNvSpPr>
            <a:spLocks noGrp="1"/>
          </p:cNvSpPr>
          <p:nvPr>
            <p:ph type="title"/>
          </p:nvPr>
        </p:nvSpPr>
        <p:spPr>
          <a:xfrm>
            <a:off x="648000" y="648000"/>
            <a:ext cx="10897200" cy="1130006"/>
          </a:xfrm>
        </p:spPr>
        <p:txBody>
          <a:bodyPr/>
          <a:lstStyle/>
          <a:p>
            <a:r>
              <a:rPr lang="da-DK" sz="3200" dirty="0"/>
              <a:t>Mange familier har ikke bil og er afhængig af andre transportformer, når de skal på arbejde</a:t>
            </a:r>
            <a:endParaRPr lang="da-DK" sz="3200" dirty="0">
              <a:highlight>
                <a:srgbClr val="FFFF00"/>
              </a:highlight>
            </a:endParaRPr>
          </a:p>
        </p:txBody>
      </p:sp>
      <p:sp>
        <p:nvSpPr>
          <p:cNvPr id="7" name="Subtitle 6">
            <a:extLst>
              <a:ext uri="{FF2B5EF4-FFF2-40B4-BE49-F238E27FC236}">
                <a16:creationId xmlns:a16="http://schemas.microsoft.com/office/drawing/2014/main" id="{7D4306D8-A647-FD68-3A25-051CF09AFEEC}"/>
              </a:ext>
            </a:extLst>
          </p:cNvPr>
          <p:cNvSpPr>
            <a:spLocks noGrp="1"/>
          </p:cNvSpPr>
          <p:nvPr>
            <p:ph type="subTitle" idx="13"/>
          </p:nvPr>
        </p:nvSpPr>
        <p:spPr>
          <a:xfrm>
            <a:off x="648000" y="5915394"/>
            <a:ext cx="10897200" cy="370800"/>
          </a:xfrm>
        </p:spPr>
        <p:txBody>
          <a:bodyPr/>
          <a:lstStyle/>
          <a:p>
            <a:r>
              <a:rPr lang="da-DK" sz="1800" noProof="0" dirty="0">
                <a:solidFill>
                  <a:srgbClr val="60347C"/>
                </a:solidFill>
                <a:latin typeface="+mn-lt"/>
              </a:rPr>
              <a:t>Grafen viser fordelingen af familier, der ikke har bil til rådighed. </a:t>
            </a:r>
          </a:p>
          <a:p>
            <a:pPr>
              <a:buNone/>
            </a:pPr>
            <a:endParaRPr lang="da-DK" dirty="0"/>
          </a:p>
        </p:txBody>
      </p:sp>
      <p:sp>
        <p:nvSpPr>
          <p:cNvPr id="8" name="Text Placeholder 7">
            <a:extLst>
              <a:ext uri="{FF2B5EF4-FFF2-40B4-BE49-F238E27FC236}">
                <a16:creationId xmlns:a16="http://schemas.microsoft.com/office/drawing/2014/main" id="{7B1AB630-2C56-06DA-EEE6-DA4E50D17172}"/>
              </a:ext>
            </a:extLst>
          </p:cNvPr>
          <p:cNvSpPr>
            <a:spLocks noGrp="1"/>
          </p:cNvSpPr>
          <p:nvPr>
            <p:ph type="body" sz="quarter" idx="17"/>
          </p:nvPr>
        </p:nvSpPr>
        <p:spPr/>
        <p:txBody>
          <a:bodyPr/>
          <a:lstStyle/>
          <a:p>
            <a:pPr algn="r">
              <a:buNone/>
            </a:pPr>
            <a:r>
              <a:rPr lang="da-DK" dirty="0"/>
              <a:t>Kilde: Statistikbanken, BIL811, BIL707</a:t>
            </a:r>
          </a:p>
        </p:txBody>
      </p:sp>
      <p:sp>
        <p:nvSpPr>
          <p:cNvPr id="2" name="Kombinationstegning: figur 23">
            <a:extLst>
              <a:ext uri="{FF2B5EF4-FFF2-40B4-BE49-F238E27FC236}">
                <a16:creationId xmlns:a16="http://schemas.microsoft.com/office/drawing/2014/main" id="{0F9BDE9B-BFAF-AB61-296D-D1E0B03F28F4}"/>
              </a:ext>
            </a:extLst>
          </p:cNvPr>
          <p:cNvSpPr/>
          <p:nvPr/>
        </p:nvSpPr>
        <p:spPr>
          <a:xfrm rot="16200000">
            <a:off x="9139922" y="2343228"/>
            <a:ext cx="2927820" cy="3176336"/>
          </a:xfrm>
          <a:custGeom>
            <a:avLst/>
            <a:gdLst>
              <a:gd name="connsiteX0" fmla="*/ 354096 w 2658979"/>
              <a:gd name="connsiteY0" fmla="*/ 0 h 3176336"/>
              <a:gd name="connsiteX1" fmla="*/ 2304883 w 2658979"/>
              <a:gd name="connsiteY1" fmla="*/ 0 h 3176336"/>
              <a:gd name="connsiteX2" fmla="*/ 2658979 w 2658979"/>
              <a:gd name="connsiteY2" fmla="*/ 354096 h 3176336"/>
              <a:gd name="connsiteX3" fmla="*/ 2658979 w 2658979"/>
              <a:gd name="connsiteY3" fmla="*/ 2349484 h 3176336"/>
              <a:gd name="connsiteX4" fmla="*/ 2658979 w 2658979"/>
              <a:gd name="connsiteY4" fmla="*/ 2822240 h 3176336"/>
              <a:gd name="connsiteX5" fmla="*/ 2658979 w 2658979"/>
              <a:gd name="connsiteY5" fmla="*/ 3176336 h 3176336"/>
              <a:gd name="connsiteX6" fmla="*/ 2304883 w 2658979"/>
              <a:gd name="connsiteY6" fmla="*/ 3176336 h 3176336"/>
              <a:gd name="connsiteX7" fmla="*/ 1851584 w 2658979"/>
              <a:gd name="connsiteY7" fmla="*/ 3176336 h 3176336"/>
              <a:gd name="connsiteX8" fmla="*/ 807395 w 2658979"/>
              <a:gd name="connsiteY8" fmla="*/ 3176336 h 3176336"/>
              <a:gd name="connsiteX9" fmla="*/ 354096 w 2658979"/>
              <a:gd name="connsiteY9" fmla="*/ 3176336 h 3176336"/>
              <a:gd name="connsiteX10" fmla="*/ 0 w 2658979"/>
              <a:gd name="connsiteY10" fmla="*/ 3176336 h 3176336"/>
              <a:gd name="connsiteX11" fmla="*/ 0 w 2658979"/>
              <a:gd name="connsiteY11" fmla="*/ 2822240 h 3176336"/>
              <a:gd name="connsiteX12" fmla="*/ 0 w 2658979"/>
              <a:gd name="connsiteY12" fmla="*/ 2349484 h 3176336"/>
              <a:gd name="connsiteX13" fmla="*/ 0 w 2658979"/>
              <a:gd name="connsiteY13" fmla="*/ 354096 h 3176336"/>
              <a:gd name="connsiteX14" fmla="*/ 354096 w 2658979"/>
              <a:gd name="connsiteY14" fmla="*/ 0 h 3176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658979" h="3176336">
                <a:moveTo>
                  <a:pt x="354096" y="0"/>
                </a:moveTo>
                <a:lnTo>
                  <a:pt x="2304883" y="0"/>
                </a:lnTo>
                <a:cubicBezTo>
                  <a:pt x="2500445" y="0"/>
                  <a:pt x="2658979" y="158534"/>
                  <a:pt x="2658979" y="354096"/>
                </a:cubicBezTo>
                <a:lnTo>
                  <a:pt x="2658979" y="2349484"/>
                </a:lnTo>
                <a:lnTo>
                  <a:pt x="2658979" y="2822240"/>
                </a:lnTo>
                <a:lnTo>
                  <a:pt x="2658979" y="3176336"/>
                </a:lnTo>
                <a:lnTo>
                  <a:pt x="2304883" y="3176336"/>
                </a:lnTo>
                <a:lnTo>
                  <a:pt x="1851584" y="3176336"/>
                </a:lnTo>
                <a:lnTo>
                  <a:pt x="807395" y="3176336"/>
                </a:lnTo>
                <a:lnTo>
                  <a:pt x="354096" y="3176336"/>
                </a:lnTo>
                <a:lnTo>
                  <a:pt x="0" y="3176336"/>
                </a:lnTo>
                <a:lnTo>
                  <a:pt x="0" y="2822240"/>
                </a:lnTo>
                <a:lnTo>
                  <a:pt x="0" y="2349484"/>
                </a:lnTo>
                <a:lnTo>
                  <a:pt x="0" y="354096"/>
                </a:lnTo>
                <a:cubicBezTo>
                  <a:pt x="0" y="158534"/>
                  <a:pt x="158534" y="0"/>
                  <a:pt x="354096" y="0"/>
                </a:cubicBez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259200" tIns="1656000" rIns="259200" bIns="216000" rtlCol="0" anchor="t" anchorCtr="0">
            <a:noAutofit/>
          </a:bodyPr>
          <a:lstStyle/>
          <a:p>
            <a:endParaRPr lang="da-DK" sz="1400" noProof="0" dirty="0">
              <a:solidFill>
                <a:srgbClr val="284734"/>
              </a:solidFill>
            </a:endParaRPr>
          </a:p>
        </p:txBody>
      </p:sp>
      <p:sp>
        <p:nvSpPr>
          <p:cNvPr id="11" name="Rectangle 10">
            <a:extLst>
              <a:ext uri="{FF2B5EF4-FFF2-40B4-BE49-F238E27FC236}">
                <a16:creationId xmlns:a16="http://schemas.microsoft.com/office/drawing/2014/main" id="{6A026F41-EE9E-28A7-2E7D-A627281A7C44}"/>
              </a:ext>
            </a:extLst>
          </p:cNvPr>
          <p:cNvSpPr>
            <a:spLocks/>
          </p:cNvSpPr>
          <p:nvPr/>
        </p:nvSpPr>
        <p:spPr>
          <a:xfrm>
            <a:off x="9037997" y="2505512"/>
            <a:ext cx="3154003" cy="285176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buClr>
                <a:srgbClr val="E1E1E1"/>
              </a:buClr>
              <a:defRPr/>
            </a:pPr>
            <a:r>
              <a:rPr lang="da-DK" sz="7200" b="1" dirty="0">
                <a:solidFill>
                  <a:srgbClr val="4E5D54"/>
                </a:solidFill>
                <a:latin typeface="DI Sans Office" panose="020B0604020202020204" charset="0"/>
              </a:rPr>
              <a:t>38 %</a:t>
            </a:r>
            <a:r>
              <a:rPr lang="da-DK" sz="7200" b="1" i="1" dirty="0">
                <a:solidFill>
                  <a:srgbClr val="4E5D54"/>
                </a:solidFill>
                <a:latin typeface="DI Sans Office" panose="020B0604020202020204" charset="0"/>
              </a:rPr>
              <a:t> </a:t>
            </a:r>
          </a:p>
          <a:p>
            <a:pPr lvl="0" algn="ctr">
              <a:buClr>
                <a:srgbClr val="E1E1E1"/>
              </a:buClr>
              <a:defRPr/>
            </a:pPr>
            <a:r>
              <a:rPr lang="da-DK" i="1" dirty="0">
                <a:solidFill>
                  <a:srgbClr val="4E5D54"/>
                </a:solidFill>
                <a:latin typeface="DI Sans Office" panose="020B0604020202020204" charset="0"/>
              </a:rPr>
              <a:t>af familier i Danmark har ikke en bil til rådighed</a:t>
            </a:r>
          </a:p>
        </p:txBody>
      </p:sp>
      <p:graphicFrame>
        <p:nvGraphicFramePr>
          <p:cNvPr id="4" name="Chart 3"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null,&quot;DataSeries&quot;:[{&quot;PrimaryColorRef&quot;:&quot;Series1&quot;,&quot;OutlineColorRef&quot;:null,&quot;HasMarker&quot;:null,&quot;MarkerStyle&quot;:null,&quot;MarkerSize&quot;:null,&quot;MarkerFillColorRef&quot;:null,&quot;MarkerBorderColorRef&quot;:null,&quot;DataLabelColorRef&quot;:null},{&quot;PrimaryColorRef&quot;:&quot;Series2&quot;,&quot;OutlineColorRef&quot;:null,&quot;HasMarker&quot;:null,&quot;MarkerStyle&quot;:null,&quot;MarkerSize&quot;:null,&quot;MarkerFillColorRef&quot;:null,&quot;MarkerBorderColorRef&quot;:null,&quot;DataLabelColorRef&quot;:null},{&quot;PrimaryColorRef&quot;:&quot;Series3&quot;,&quot;OutlineColorRef&quot;:null,&quot;HasMarker&quot;:null,&quot;MarkerStyle&quot;:null,&quot;MarkerSize&quot;:null,&quot;MarkerFillColorRef&quot;:null,&quot;MarkerBorderColorRef&quot;:null,&quot;DataLabelColorRef&quot;:null},{&quot;PrimaryColorRef&quot;:&quot;Series4&quot;,&quot;OutlineColorRef&quot;:null,&quot;HasMarker&quot;:null,&quot;MarkerStyle&quot;:null,&quot;MarkerSize&quot;:null,&quot;MarkerFillColorRef&quot;:null,&quot;MarkerBorderColorRef&quot;:null,&quot;DataLabelColorRef&quot;:null},{&quot;PrimaryColorRef&quot;:&quot;Series5&quot;,&quot;OutlineColorRef&quot;:null,&quot;HasMarker&quot;:null,&quot;MarkerStyle&quot;:null,&quot;MarkerSize&quot;:null,&quot;MarkerFillColorRef&quot;:null,&quot;MarkerBorderColorRef&quot;:null,&quot;DataLabelColorRef&quot;:null},{&quot;PrimaryColorRef&quot;:&quot;Series6&quot;,&quot;OutlineColorRef&quot;:null,&quot;HasMarker&quot;:null,&quot;MarkerStyle&quot;:null,&quot;MarkerSize&quot;:null,&quot;MarkerFillColorRef&quot;:null,&quot;MarkerBorderColorRef&quot;:null,&quot;DataLabelColorRef&quot;:null},{&quot;PrimaryColorRef&quot;:&quot;Series7&quot;,&quot;OutlineColorRef&quot;:null,&quot;HasMarker&quot;:null,&quot;MarkerStyle&quot;:null,&quot;MarkerSize&quot;:null,&quot;MarkerFillColorRef&quot;:null,&quot;MarkerBorderColorRef&quot;:null,&quot;DataLabelColorRef&quot;:null},{&quot;PrimaryColorRef&quot;:&quot;Series8&quot;,&quot;OutlineColorRef&quot;:null,&quot;HasMarker&quot;:null,&quot;MarkerStyle&quot;:null,&quot;MarkerSize&quot;:null,&quot;MarkerFillColorRef&quot;:null,&quot;MarkerBorderColorRef&quot;:null,&quot;DataLabelColorRef&quot;:null},{&quot;PrimaryColorRef&quot;:&quot;Series9&quot;,&quot;OutlineColorRef&quot;:null,&quot;HasMarker&quot;:null,&quot;MarkerStyle&quot;:null,&quot;MarkerSize&quot;:null,&quot;MarkerFillColorRef&quot;:null,&quot;MarkerBorderColorRef&quot;:null,&quot;DataLabelColorRef&quot;:null},{&quot;PrimaryColorRef&quot;:&quot;Series10&quot;,&quot;OutlineColorRef&quot;:null,&quot;HasMarker&quot;:null,&quot;MarkerStyle&quot;:null,&quot;MarkerSize&quot;:null,&quot;MarkerFillColorRef&quot;:null,&quot;MarkerBorderColorRef&quot;:null,&quot;DataLabelColorRef&quot;:null},{&quot;PrimaryColorRef&quot;:&quot;Series11&quot;,&quot;OutlineColorRef&quot;:null,&quot;HasMarker&quot;:null,&quot;MarkerStyle&quot;:null,&quot;MarkerSize&quot;:null,&quot;MarkerFillColorRef&quot;:null,&quot;MarkerBorderColorRef&quot;:null,&quot;DataLabelColorRef&quot;:null},{&quot;PrimaryColorRef&quot;:&quot;Series12&quot;,&quot;OutlineColorRef&quot;:null,&quot;HasMarker&quot;:null,&quot;MarkerStyle&quot;:null,&quot;MarkerSize&quot;:null,&quot;MarkerFillColorRef&quot;:null,&quot;MarkerBorderColorRef&quot;:null,&quot;DataLabelColorRef&quot;:null},{&quot;PrimaryColorRef&quot;:&quot;Series13&quot;,&quot;OutlineColorRef&quot;:null,&quot;HasMarker&quot;:null,&quot;MarkerStyle&quot;:null,&quot;MarkerSize&quot;:null,&quot;MarkerFillColorRef&quot;:null,&quot;MarkerBorderColorRef&quot;:null,&quot;DataLabelColorRef&quot;:null},{&quot;PrimaryColorRef&quot;:&quot;Series14&quot;,&quot;OutlineColorRef&quot;:null,&quot;HasMarker&quot;:null,&quot;MarkerStyle&quot;:null,&quot;MarkerSize&quot;:null,&quot;MarkerFillColorRef&quot;:null,&quot;MarkerBorderColorRef&quot;:null,&quot;DataLabelColorRef&quot;:null},{&quot;PrimaryColorRef&quot;:&quot;Series15&quot;,&quot;OutlineColorRef&quot;:null,&quot;HasMarker&quot;:null,&quot;MarkerStyle&quot;:null,&quot;MarkerSize&quot;:null,&quot;MarkerFillColorRef&quot;:null,&quot;MarkerBorderColorRef&quot;:null,&quot;DataLabelColorRef&quot;:null},{&quot;PrimaryColorRef&quot;:&quot;Series16&quot;,&quot;OutlineColorRef&quot;:null,&quot;HasMarker&quot;:null,&quot;MarkerStyle&quot;:null,&quot;MarkerSize&quot;:null,&quot;MarkerFillColorRef&quot;:null,&quot;MarkerBorderColorRef&quot;:null,&quot;DataLabelColorRef&quot;:null},{&quot;PrimaryColorRef&quot;:&quot;Series17&quot;,&quot;OutlineColorRef&quot;:null,&quot;HasMarker&quot;:null,&quot;MarkerStyle&quot;:null,&quot;MarkerSize&quot;:null,&quot;MarkerFillColorRef&quot;:null,&quot;MarkerBorderColorRef&quot;:null,&quot;DataLabelColorRef&quot;:null},{&quot;PrimaryColorRef&quot;:&quot;Series18&quot;,&quot;OutlineColorRef&quot;:null,&quot;HasMarker&quot;:null,&quot;MarkerStyle&quot;:null,&quot;MarkerSize&quot;:null,&quot;MarkerFillColorRef&quot;:null,&quot;MarkerBorderColorRef&quot;:null,&quot;DataLabelColorRef&quot;:null}],&quot;SeriesDesign&quot;:{&quot;FirstSliceAngle&quot;:null,&quot;DoughnutHoleSize&quot;:null,&quot;DoughnutExplosion&quot;:null,&quot;PieExplosion&quot;:null,&quot;SeriesOverlap&quot;:-50.0,&quot;GapWidth&quot;:150.0,&quot;BorderColorRef&quot;:null,&quot;HasMarker&quot;:null,&quot;MarkerStyle&quot;:null,&quot;MarkerSize&quot;:null,&quot;MarkerFillColorRef&quot;:null,&quot;MarkerBorderColorRef&quot;:null,&quot;HasDataLabels&quot;:null,&quot;DisableBorders&quot;:true,&quot;DataLabelDesign&quot;:null,&quot;LineWeight&quot;:null,&quot;LeaderLinesDesign&quot;:null,&quot;HasLeaderLines&quot;:null,&quot;SeriesLinesDesign&quot;:null,&quot;DashStyle&quot;:null,&quot;BorderWidth&quot;:null},&quot;SkipBlankSeries&quot;:true,&quot;HasChartTitle&quot;:null},&quot;ColorSchema&quot;:{&quot;Series1&quot;:&quot;56,2,92&quot;,&quot;Series2&quot;:&quot;167,164,224&quot;,&quot;Series3&quot;:&quot;125,85,199&quot;,&quot;Series4&quot;:&quot;0,72,81&quot;,&quot;Series5&quot;:&quot;0,171,142&quot;,&quot;Series6&quot;:&quot;136,219,223&quot;,&quot;Series7&quot;:&quot;0,43,73&quot;,&quot;Series8&quot;:&quot;0,112,150&quot;,&quot;Series9&quot;:&quot;141,200,232&quot;,&quot;Series10&quot;:&quot;40,71,52&quot;,&quot;Series11&quot;:&quot;86,194,113&quot;,&quot;Series12&quot;:&quot;188,225,148&quot;,&quot;Series13&quot;:&quot;179,61,38&quot;,&quot;Series14&quot;:&quot;246,141,46&quot;,&quot;Series15&quot;:&quot;252,200,155&quot;,&quot;Series16&quot;:&quot;112,39,61&quot;,&quot;Series17&quot;:&quot;210,39,48&quot;,&quot;Series18&quot;:&quot;234,184,228&quot;,&quot;FontColor&quot;:&quot;0,0,0&quot;,&quot;Gridlines&quot;:&quot;0,0,0&quot;,&quot;AxisLine&quot;:&quot;0,0,0&quot;,&quot;Background&quot;:&quot;0,255,255,255&quot;}}">
            <a:extLst>
              <a:ext uri="{FF2B5EF4-FFF2-40B4-BE49-F238E27FC236}">
                <a16:creationId xmlns:a16="http://schemas.microsoft.com/office/drawing/2014/main" id="{227B9ACE-3940-2E29-674B-E5D563B1556D}"/>
              </a:ext>
            </a:extLst>
          </p:cNvPr>
          <p:cNvGraphicFramePr>
            <a:graphicFrameLocks/>
          </p:cNvGraphicFramePr>
          <p:nvPr>
            <p:extLst>
              <p:ext uri="{D42A27DB-BD31-4B8C-83A1-F6EECF244321}">
                <p14:modId xmlns:p14="http://schemas.microsoft.com/office/powerpoint/2010/main" val="970378362"/>
              </p:ext>
            </p:extLst>
          </p:nvPr>
        </p:nvGraphicFramePr>
        <p:xfrm>
          <a:off x="468999" y="1609299"/>
          <a:ext cx="8391197" cy="4306095"/>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31340486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1000"/>
                                  </p:stCondLst>
                                  <p:childTnLst>
                                    <p:set>
                                      <p:cBhvr>
                                        <p:cTn id="6" dur="1" fill="hold">
                                          <p:stCondLst>
                                            <p:cond delay="0"/>
                                          </p:stCondLst>
                                        </p:cTn>
                                        <p:tgtEl>
                                          <p:spTgt spid="11"/>
                                        </p:tgtEl>
                                        <p:attrNameLst>
                                          <p:attrName>style.visibility</p:attrName>
                                        </p:attrNameLst>
                                      </p:cBhvr>
                                      <p:to>
                                        <p:strVal val="visible"/>
                                      </p:to>
                                    </p:set>
                                    <p:animEffect transition="in" filter="fade">
                                      <p:cBhvr>
                                        <p:cTn id="7" dur="1000"/>
                                        <p:tgtEl>
                                          <p:spTgt spid="11"/>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E84B008D-2A54-A463-38DD-4D131F4A76B3}"/>
              </a:ext>
            </a:extLst>
          </p:cNvPr>
          <p:cNvSpPr>
            <a:spLocks noGrp="1"/>
          </p:cNvSpPr>
          <p:nvPr>
            <p:ph type="title"/>
          </p:nvPr>
        </p:nvSpPr>
        <p:spPr/>
        <p:txBody>
          <a:bodyPr/>
          <a:lstStyle/>
          <a:p>
            <a:r>
              <a:rPr lang="da-DK" sz="3600" dirty="0"/>
              <a:t>Mens den samlede persontransport er stigende, så bliver busruterne nedlagt</a:t>
            </a:r>
          </a:p>
        </p:txBody>
      </p:sp>
      <p:sp>
        <p:nvSpPr>
          <p:cNvPr id="11" name="Content Placeholder 10">
            <a:extLst>
              <a:ext uri="{FF2B5EF4-FFF2-40B4-BE49-F238E27FC236}">
                <a16:creationId xmlns:a16="http://schemas.microsoft.com/office/drawing/2014/main" id="{D04CFFF2-39E0-4D78-6040-451DB4F74FC1}"/>
              </a:ext>
            </a:extLst>
          </p:cNvPr>
          <p:cNvSpPr>
            <a:spLocks noGrp="1"/>
          </p:cNvSpPr>
          <p:nvPr>
            <p:ph idx="1"/>
          </p:nvPr>
        </p:nvSpPr>
        <p:spPr/>
        <p:txBody>
          <a:bodyPr/>
          <a:lstStyle/>
          <a:p>
            <a:r>
              <a:rPr lang="da-DK" sz="2400" dirty="0"/>
              <a:t>Det samlede persontransportarbejde i km er steget 12 pct. fra 2010 til 2022</a:t>
            </a:r>
          </a:p>
          <a:p>
            <a:pPr marL="0" indent="0">
              <a:buNone/>
            </a:pPr>
            <a:endParaRPr lang="da-DK" sz="2400" dirty="0"/>
          </a:p>
          <a:p>
            <a:r>
              <a:rPr lang="da-DK" sz="2400" dirty="0"/>
              <a:t>Den udvikling forventes at fortsætte</a:t>
            </a:r>
          </a:p>
          <a:p>
            <a:pPr marL="0" indent="0">
              <a:buNone/>
            </a:pPr>
            <a:endParaRPr lang="da-DK" sz="2400" dirty="0"/>
          </a:p>
          <a:p>
            <a:r>
              <a:rPr lang="da-DK" sz="2400" dirty="0"/>
              <a:t>Samtidig er antallet af bussernes køreplanstimer faldet tilsvarende med 12 pct. fra 2010 til 2024</a:t>
            </a:r>
          </a:p>
        </p:txBody>
      </p:sp>
      <p:sp>
        <p:nvSpPr>
          <p:cNvPr id="13" name="Text Placeholder 12">
            <a:extLst>
              <a:ext uri="{FF2B5EF4-FFF2-40B4-BE49-F238E27FC236}">
                <a16:creationId xmlns:a16="http://schemas.microsoft.com/office/drawing/2014/main" id="{88DC78D6-9787-457D-389F-F3F5F73DD8FE}"/>
              </a:ext>
            </a:extLst>
          </p:cNvPr>
          <p:cNvSpPr>
            <a:spLocks noGrp="1"/>
          </p:cNvSpPr>
          <p:nvPr>
            <p:ph type="body" sz="quarter" idx="17"/>
          </p:nvPr>
        </p:nvSpPr>
        <p:spPr/>
        <p:txBody>
          <a:bodyPr/>
          <a:lstStyle/>
          <a:p>
            <a:r>
              <a:rPr lang="da-DK" dirty="0"/>
              <a:t>Kilde: Trafikselskaberne i Danmark og Statistikbanken</a:t>
            </a:r>
          </a:p>
        </p:txBody>
      </p:sp>
      <p:graphicFrame>
        <p:nvGraphicFramePr>
          <p:cNvPr id="14" name="Content Placeholder 13"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null,&quot;DataSeries&quot;:[{&quot;PrimaryColorRef&quot;:&quot;Series1&quot;,&quot;OutlineColorRef&quot;:null,&quot;HasMarker&quot;:null,&quot;MarkerStyle&quot;:null,&quot;MarkerSize&quot;:null,&quot;MarkerFillColorRef&quot;:null,&quot;MarkerBorderColorRef&quot;:null,&quot;DataLabelColorRef&quot;:null},{&quot;PrimaryColorRef&quot;:&quot;Series2&quot;,&quot;OutlineColorRef&quot;:null,&quot;HasMarker&quot;:null,&quot;MarkerStyle&quot;:null,&quot;MarkerSize&quot;:null,&quot;MarkerFillColorRef&quot;:null,&quot;MarkerBorderColorRef&quot;:null,&quot;DataLabelColorRef&quot;:null},{&quot;PrimaryColorRef&quot;:&quot;Series3&quot;,&quot;OutlineColorRef&quot;:null,&quot;HasMarker&quot;:null,&quot;MarkerStyle&quot;:null,&quot;MarkerSize&quot;:null,&quot;MarkerFillColorRef&quot;:null,&quot;MarkerBorderColorRef&quot;:null,&quot;DataLabelColorRef&quot;:null},{&quot;PrimaryColorRef&quot;:&quot;Series4&quot;,&quot;OutlineColorRef&quot;:null,&quot;HasMarker&quot;:null,&quot;MarkerStyle&quot;:null,&quot;MarkerSize&quot;:null,&quot;MarkerFillColorRef&quot;:null,&quot;MarkerBorderColorRef&quot;:null,&quot;DataLabelColorRef&quot;:null},{&quot;PrimaryColorRef&quot;:&quot;Series5&quot;,&quot;OutlineColorRef&quot;:null,&quot;HasMarker&quot;:null,&quot;MarkerStyle&quot;:null,&quot;MarkerSize&quot;:null,&quot;MarkerFillColorRef&quot;:null,&quot;MarkerBorderColorRef&quot;:null,&quot;DataLabelColorRef&quot;:null},{&quot;PrimaryColorRef&quot;:&quot;Series6&quot;,&quot;OutlineColorRef&quot;:null,&quot;HasMarker&quot;:null,&quot;MarkerStyle&quot;:null,&quot;MarkerSize&quot;:null,&quot;MarkerFillColorRef&quot;:null,&quot;MarkerBorderColorRef&quot;:null,&quot;DataLabelColorRef&quot;:null},{&quot;PrimaryColorRef&quot;:&quot;Series7&quot;,&quot;OutlineColorRef&quot;:null,&quot;HasMarker&quot;:null,&quot;MarkerStyle&quot;:null,&quot;MarkerSize&quot;:null,&quot;MarkerFillColorRef&quot;:null,&quot;MarkerBorderColorRef&quot;:null,&quot;DataLabelColorRef&quot;:null},{&quot;PrimaryColorRef&quot;:&quot;Series8&quot;,&quot;OutlineColorRef&quot;:null,&quot;HasMarker&quot;:null,&quot;MarkerStyle&quot;:null,&quot;MarkerSize&quot;:null,&quot;MarkerFillColorRef&quot;:null,&quot;MarkerBorderColorRef&quot;:null,&quot;DataLabelColorRef&quot;:null},{&quot;PrimaryColorRef&quot;:&quot;Series9&quot;,&quot;OutlineColorRef&quot;:null,&quot;HasMarker&quot;:null,&quot;MarkerStyle&quot;:null,&quot;MarkerSize&quot;:null,&quot;MarkerFillColorRef&quot;:null,&quot;MarkerBorderColorRef&quot;:null,&quot;DataLabelColorRef&quot;:null},{&quot;PrimaryColorRef&quot;:&quot;Series10&quot;,&quot;OutlineColorRef&quot;:null,&quot;HasMarker&quot;:null,&quot;MarkerStyle&quot;:null,&quot;MarkerSize&quot;:null,&quot;MarkerFillColorRef&quot;:null,&quot;MarkerBorderColorRef&quot;:null,&quot;DataLabelColorRef&quot;:null},{&quot;PrimaryColorRef&quot;:&quot;Series11&quot;,&quot;OutlineColorRef&quot;:null,&quot;HasMarker&quot;:null,&quot;MarkerStyle&quot;:null,&quot;MarkerSize&quot;:null,&quot;MarkerFillColorRef&quot;:null,&quot;MarkerBorderColorRef&quot;:null,&quot;DataLabelColorRef&quot;:null},{&quot;PrimaryColorRef&quot;:&quot;Series12&quot;,&quot;OutlineColorRef&quot;:null,&quot;HasMarker&quot;:null,&quot;MarkerStyle&quot;:null,&quot;MarkerSize&quot;:null,&quot;MarkerFillColorRef&quot;:null,&quot;MarkerBorderColorRef&quot;:null,&quot;DataLabelColorRef&quot;:null},{&quot;PrimaryColorRef&quot;:&quot;Series13&quot;,&quot;OutlineColorRef&quot;:null,&quot;HasMarker&quot;:null,&quot;MarkerStyle&quot;:null,&quot;MarkerSize&quot;:null,&quot;MarkerFillColorRef&quot;:null,&quot;MarkerBorderColorRef&quot;:null,&quot;DataLabelColorRef&quot;:null},{&quot;PrimaryColorRef&quot;:&quot;Series14&quot;,&quot;OutlineColorRef&quot;:null,&quot;HasMarker&quot;:null,&quot;MarkerStyle&quot;:null,&quot;MarkerSize&quot;:null,&quot;MarkerFillColorRef&quot;:null,&quot;MarkerBorderColorRef&quot;:null,&quot;DataLabelColorRef&quot;:null},{&quot;PrimaryColorRef&quot;:&quot;Series15&quot;,&quot;OutlineColorRef&quot;:null,&quot;HasMarker&quot;:null,&quot;MarkerStyle&quot;:null,&quot;MarkerSize&quot;:null,&quot;MarkerFillColorRef&quot;:null,&quot;MarkerBorderColorRef&quot;:null,&quot;DataLabelColorRef&quot;:null},{&quot;PrimaryColorRef&quot;:&quot;Series16&quot;,&quot;OutlineColorRef&quot;:null,&quot;HasMarker&quot;:null,&quot;MarkerStyle&quot;:null,&quot;MarkerSize&quot;:null,&quot;MarkerFillColorRef&quot;:null,&quot;MarkerBorderColorRef&quot;:null,&quot;DataLabelColorRef&quot;:null},{&quot;PrimaryColorRef&quot;:&quot;Series17&quot;,&quot;OutlineColorRef&quot;:null,&quot;HasMarker&quot;:null,&quot;MarkerStyle&quot;:null,&quot;MarkerSize&quot;:null,&quot;MarkerFillColorRef&quot;:null,&quot;MarkerBorderColorRef&quot;:null,&quot;DataLabelColorRef&quot;:null},{&quot;PrimaryColorRef&quot;:&quot;Series18&quot;,&quot;OutlineColorRef&quot;:null,&quot;HasMarker&quot;:null,&quot;MarkerStyle&quot;:null,&quot;MarkerSize&quot;:null,&quot;MarkerFillColorRef&quot;:null,&quot;MarkerBorderColorRef&quot;:null,&quot;DataLabelColorRef&quot;:null}],&quot;SeriesDesign&quot;:{&quot;FirstSliceAngle&quot;:null,&quot;DoughnutHoleSize&quot;:null,&quot;DoughnutExplosion&quot;:null,&quot;PieExplosion&quot;:null,&quot;SeriesOverlap&quot;:-50.0,&quot;GapWidth&quot;:150.0,&quot;BorderColorRef&quot;:null,&quot;HasMarker&quot;:null,&quot;MarkerStyle&quot;:null,&quot;MarkerSize&quot;:null,&quot;MarkerFillColorRef&quot;:null,&quot;MarkerBorderColorRef&quot;:null,&quot;HasDataLabels&quot;:null,&quot;DisableBorders&quot;:true,&quot;DataLabelDesign&quot;:null,&quot;LineWeight&quot;:null,&quot;LeaderLinesDesign&quot;:null,&quot;HasLeaderLines&quot;:null,&quot;SeriesLinesDesign&quot;:null,&quot;DashStyle&quot;:null,&quot;BorderWidth&quot;:null},&quot;SkipBlankSeries&quot;:true,&quot;HasChartTitle&quot;:null},&quot;ColorSchema&quot;:{&quot;Series1&quot;:&quot;56,2,92&quot;,&quot;Series2&quot;:&quot;167,164,224&quot;,&quot;Series3&quot;:&quot;125,85,199&quot;,&quot;Series4&quot;:&quot;0,72,81&quot;,&quot;Series5&quot;:&quot;0,171,142&quot;,&quot;Series6&quot;:&quot;136,219,223&quot;,&quot;Series7&quot;:&quot;0,43,73&quot;,&quot;Series8&quot;:&quot;0,112,150&quot;,&quot;Series9&quot;:&quot;141,200,232&quot;,&quot;Series10&quot;:&quot;40,71,52&quot;,&quot;Series11&quot;:&quot;86,194,113&quot;,&quot;Series12&quot;:&quot;188,225,148&quot;,&quot;Series13&quot;:&quot;179,61,38&quot;,&quot;Series14&quot;:&quot;246,141,46&quot;,&quot;Series15&quot;:&quot;252,200,155&quot;,&quot;Series16&quot;:&quot;112,39,61&quot;,&quot;Series17&quot;:&quot;210,39,48&quot;,&quot;Series18&quot;:&quot;234,184,228&quot;,&quot;FontColor&quot;:&quot;0,0,0&quot;,&quot;Gridlines&quot;:&quot;0,0,0&quot;,&quot;AxisLine&quot;:&quot;0,0,0&quot;,&quot;Background&quot;:&quot;0,255,255,255&quot;}}">
            <a:extLst>
              <a:ext uri="{FF2B5EF4-FFF2-40B4-BE49-F238E27FC236}">
                <a16:creationId xmlns:a16="http://schemas.microsoft.com/office/drawing/2014/main" id="{B93F5A5A-32A5-D823-2DA9-BBCB2E3AC7C8}"/>
              </a:ext>
            </a:extLst>
          </p:cNvPr>
          <p:cNvGraphicFramePr>
            <a:graphicFrameLocks noGrp="1"/>
          </p:cNvGraphicFramePr>
          <p:nvPr>
            <p:ph sz="half" idx="2"/>
            <p:extLst>
              <p:ext uri="{D42A27DB-BD31-4B8C-83A1-F6EECF244321}">
                <p14:modId xmlns:p14="http://schemas.microsoft.com/office/powerpoint/2010/main" val="3557506416"/>
              </p:ext>
            </p:extLst>
          </p:nvPr>
        </p:nvGraphicFramePr>
        <p:xfrm>
          <a:off x="6096000" y="1761194"/>
          <a:ext cx="5651844" cy="4188755"/>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201446732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E81443F3-E40F-9271-4C6F-6C5FDA999DCB}"/>
              </a:ext>
            </a:extLst>
          </p:cNvPr>
          <p:cNvSpPr txBox="1"/>
          <p:nvPr/>
        </p:nvSpPr>
        <p:spPr>
          <a:xfrm>
            <a:off x="3556638" y="2929611"/>
            <a:ext cx="2454198" cy="276999"/>
          </a:xfrm>
          <a:prstGeom prst="rect">
            <a:avLst/>
          </a:prstGeom>
          <a:noFill/>
        </p:spPr>
        <p:txBody>
          <a:bodyPr wrap="none" lIns="0" tIns="0" rIns="0" bIns="0" rtlCol="0">
            <a:spAutoFit/>
          </a:bodyPr>
          <a:lstStyle/>
          <a:p>
            <a:pPr algn="l"/>
            <a:r>
              <a:rPr lang="da-DK" dirty="0">
                <a:solidFill>
                  <a:schemeClr val="accent1">
                    <a:lumMod val="50000"/>
                    <a:lumOff val="50000"/>
                  </a:schemeClr>
                </a:solidFill>
              </a:rPr>
              <a:t>Busforbindelser forringes </a:t>
            </a:r>
          </a:p>
        </p:txBody>
      </p:sp>
      <p:sp>
        <p:nvSpPr>
          <p:cNvPr id="4" name="TextBox 3">
            <a:extLst>
              <a:ext uri="{FF2B5EF4-FFF2-40B4-BE49-F238E27FC236}">
                <a16:creationId xmlns:a16="http://schemas.microsoft.com/office/drawing/2014/main" id="{89EFDF8C-9AE1-B9F0-F349-DFD7CF129D74}"/>
              </a:ext>
            </a:extLst>
          </p:cNvPr>
          <p:cNvSpPr txBox="1"/>
          <p:nvPr/>
        </p:nvSpPr>
        <p:spPr>
          <a:xfrm>
            <a:off x="6745422" y="2931231"/>
            <a:ext cx="1841851" cy="276999"/>
          </a:xfrm>
          <a:prstGeom prst="rect">
            <a:avLst/>
          </a:prstGeom>
          <a:noFill/>
        </p:spPr>
        <p:txBody>
          <a:bodyPr wrap="none" lIns="0" tIns="0" rIns="0" bIns="0" rtlCol="0">
            <a:spAutoFit/>
          </a:bodyPr>
          <a:lstStyle/>
          <a:p>
            <a:pPr algn="l"/>
            <a:r>
              <a:rPr lang="da-DK" dirty="0">
                <a:solidFill>
                  <a:schemeClr val="accent1">
                    <a:lumMod val="50000"/>
                    <a:lumOff val="50000"/>
                  </a:schemeClr>
                </a:solidFill>
              </a:rPr>
              <a:t>Færre tager bussen</a:t>
            </a:r>
          </a:p>
        </p:txBody>
      </p:sp>
      <p:sp>
        <p:nvSpPr>
          <p:cNvPr id="11" name="TextBox 10">
            <a:extLst>
              <a:ext uri="{FF2B5EF4-FFF2-40B4-BE49-F238E27FC236}">
                <a16:creationId xmlns:a16="http://schemas.microsoft.com/office/drawing/2014/main" id="{A47F8B1D-051C-79DB-2554-11EDD9272BFA}"/>
              </a:ext>
            </a:extLst>
          </p:cNvPr>
          <p:cNvSpPr txBox="1"/>
          <p:nvPr/>
        </p:nvSpPr>
        <p:spPr>
          <a:xfrm>
            <a:off x="9881352" y="2963250"/>
            <a:ext cx="1288814" cy="215444"/>
          </a:xfrm>
          <a:prstGeom prst="rect">
            <a:avLst/>
          </a:prstGeom>
          <a:noFill/>
        </p:spPr>
        <p:txBody>
          <a:bodyPr wrap="none" lIns="0" tIns="0" rIns="0" bIns="0" rtlCol="0">
            <a:spAutoFit/>
          </a:bodyPr>
          <a:lstStyle/>
          <a:p>
            <a:pPr algn="l"/>
            <a:r>
              <a:rPr lang="da-DK" sz="1400" dirty="0">
                <a:solidFill>
                  <a:schemeClr val="accent1"/>
                </a:solidFill>
              </a:rPr>
              <a:t>Færre tager toget</a:t>
            </a:r>
          </a:p>
        </p:txBody>
      </p:sp>
      <p:sp>
        <p:nvSpPr>
          <p:cNvPr id="15" name="TextBox 14">
            <a:extLst>
              <a:ext uri="{FF2B5EF4-FFF2-40B4-BE49-F238E27FC236}">
                <a16:creationId xmlns:a16="http://schemas.microsoft.com/office/drawing/2014/main" id="{8357221A-D6D7-3E4E-1D9E-3D58AD260467}"/>
              </a:ext>
            </a:extLst>
          </p:cNvPr>
          <p:cNvSpPr txBox="1"/>
          <p:nvPr/>
        </p:nvSpPr>
        <p:spPr>
          <a:xfrm>
            <a:off x="4783737" y="2012009"/>
            <a:ext cx="1102866" cy="215444"/>
          </a:xfrm>
          <a:prstGeom prst="rect">
            <a:avLst/>
          </a:prstGeom>
          <a:noFill/>
        </p:spPr>
        <p:txBody>
          <a:bodyPr wrap="none" lIns="0" tIns="0" rIns="0" bIns="0" rtlCol="0">
            <a:spAutoFit/>
          </a:bodyPr>
          <a:lstStyle/>
          <a:p>
            <a:pPr algn="l"/>
            <a:r>
              <a:rPr lang="da-DK" sz="1400" dirty="0">
                <a:solidFill>
                  <a:schemeClr val="accent1"/>
                </a:solidFill>
              </a:rPr>
              <a:t>Flere køber bil </a:t>
            </a:r>
          </a:p>
        </p:txBody>
      </p:sp>
      <p:sp>
        <p:nvSpPr>
          <p:cNvPr id="16" name="TextBox 15">
            <a:extLst>
              <a:ext uri="{FF2B5EF4-FFF2-40B4-BE49-F238E27FC236}">
                <a16:creationId xmlns:a16="http://schemas.microsoft.com/office/drawing/2014/main" id="{C8C1D6A5-F483-6A71-13D1-60A874E60A91}"/>
              </a:ext>
            </a:extLst>
          </p:cNvPr>
          <p:cNvSpPr txBox="1"/>
          <p:nvPr/>
        </p:nvSpPr>
        <p:spPr>
          <a:xfrm>
            <a:off x="7088054" y="1946791"/>
            <a:ext cx="1210268" cy="215444"/>
          </a:xfrm>
          <a:prstGeom prst="rect">
            <a:avLst/>
          </a:prstGeom>
          <a:noFill/>
        </p:spPr>
        <p:txBody>
          <a:bodyPr wrap="none" lIns="0" tIns="0" rIns="0" bIns="0" rtlCol="0">
            <a:spAutoFit/>
          </a:bodyPr>
          <a:lstStyle/>
          <a:p>
            <a:pPr algn="l"/>
            <a:r>
              <a:rPr lang="da-DK" sz="1400" dirty="0">
                <a:solidFill>
                  <a:schemeClr val="accent1"/>
                </a:solidFill>
              </a:rPr>
              <a:t>Mere kørsel i bil </a:t>
            </a:r>
          </a:p>
        </p:txBody>
      </p:sp>
      <p:sp>
        <p:nvSpPr>
          <p:cNvPr id="17" name="TextBox 16">
            <a:extLst>
              <a:ext uri="{FF2B5EF4-FFF2-40B4-BE49-F238E27FC236}">
                <a16:creationId xmlns:a16="http://schemas.microsoft.com/office/drawing/2014/main" id="{8EE4888B-32D1-869E-FA93-80FE9E164487}"/>
              </a:ext>
            </a:extLst>
          </p:cNvPr>
          <p:cNvSpPr txBox="1"/>
          <p:nvPr/>
        </p:nvSpPr>
        <p:spPr>
          <a:xfrm>
            <a:off x="5863769" y="963972"/>
            <a:ext cx="1846659" cy="215444"/>
          </a:xfrm>
          <a:prstGeom prst="rect">
            <a:avLst/>
          </a:prstGeom>
          <a:noFill/>
        </p:spPr>
        <p:txBody>
          <a:bodyPr wrap="none" lIns="0" tIns="0" rIns="0" bIns="0" rtlCol="0">
            <a:spAutoFit/>
          </a:bodyPr>
          <a:lstStyle/>
          <a:p>
            <a:pPr algn="l"/>
            <a:r>
              <a:rPr lang="da-DK" sz="1400" dirty="0">
                <a:solidFill>
                  <a:schemeClr val="accent1"/>
                </a:solidFill>
              </a:rPr>
              <a:t>Mere trængsel på vejene </a:t>
            </a:r>
          </a:p>
        </p:txBody>
      </p:sp>
      <p:sp>
        <p:nvSpPr>
          <p:cNvPr id="18" name="TextBox 17">
            <a:extLst>
              <a:ext uri="{FF2B5EF4-FFF2-40B4-BE49-F238E27FC236}">
                <a16:creationId xmlns:a16="http://schemas.microsoft.com/office/drawing/2014/main" id="{DDDFB4D8-2777-DF69-4F36-D0491C8DAE52}"/>
              </a:ext>
            </a:extLst>
          </p:cNvPr>
          <p:cNvSpPr txBox="1"/>
          <p:nvPr/>
        </p:nvSpPr>
        <p:spPr>
          <a:xfrm>
            <a:off x="8043293" y="458088"/>
            <a:ext cx="2551981" cy="215444"/>
          </a:xfrm>
          <a:prstGeom prst="rect">
            <a:avLst/>
          </a:prstGeom>
          <a:noFill/>
        </p:spPr>
        <p:txBody>
          <a:bodyPr wrap="none" lIns="0" tIns="0" rIns="0" bIns="0" rtlCol="0">
            <a:spAutoFit/>
          </a:bodyPr>
          <a:lstStyle/>
          <a:p>
            <a:pPr algn="l"/>
            <a:r>
              <a:rPr lang="da-DK" sz="1400" dirty="0">
                <a:solidFill>
                  <a:schemeClr val="accent1">
                    <a:lumMod val="50000"/>
                    <a:lumOff val="50000"/>
                  </a:schemeClr>
                </a:solidFill>
              </a:rPr>
              <a:t>Flere omkostninger for samfundet </a:t>
            </a:r>
          </a:p>
        </p:txBody>
      </p:sp>
      <p:sp>
        <p:nvSpPr>
          <p:cNvPr id="19" name="TextBox 18">
            <a:extLst>
              <a:ext uri="{FF2B5EF4-FFF2-40B4-BE49-F238E27FC236}">
                <a16:creationId xmlns:a16="http://schemas.microsoft.com/office/drawing/2014/main" id="{D6FC4288-9498-95BF-C8DA-F7D18DC42A68}"/>
              </a:ext>
            </a:extLst>
          </p:cNvPr>
          <p:cNvSpPr txBox="1"/>
          <p:nvPr/>
        </p:nvSpPr>
        <p:spPr>
          <a:xfrm>
            <a:off x="9722601" y="2214820"/>
            <a:ext cx="1530868" cy="215444"/>
          </a:xfrm>
          <a:prstGeom prst="rect">
            <a:avLst/>
          </a:prstGeom>
          <a:noFill/>
        </p:spPr>
        <p:txBody>
          <a:bodyPr wrap="none" lIns="0" tIns="0" rIns="0" bIns="0" rtlCol="0">
            <a:spAutoFit/>
          </a:bodyPr>
          <a:lstStyle/>
          <a:p>
            <a:pPr algn="l"/>
            <a:r>
              <a:rPr lang="da-DK" sz="1400" dirty="0">
                <a:solidFill>
                  <a:schemeClr val="accent1"/>
                </a:solidFill>
              </a:rPr>
              <a:t>Færre vælger cyklen </a:t>
            </a:r>
          </a:p>
        </p:txBody>
      </p:sp>
      <p:sp>
        <p:nvSpPr>
          <p:cNvPr id="20" name="TextBox 19">
            <a:extLst>
              <a:ext uri="{FF2B5EF4-FFF2-40B4-BE49-F238E27FC236}">
                <a16:creationId xmlns:a16="http://schemas.microsoft.com/office/drawing/2014/main" id="{74B02298-ADC8-B06C-6F7B-206EFCCCD391}"/>
              </a:ext>
            </a:extLst>
          </p:cNvPr>
          <p:cNvSpPr txBox="1"/>
          <p:nvPr/>
        </p:nvSpPr>
        <p:spPr>
          <a:xfrm>
            <a:off x="9319284" y="1070384"/>
            <a:ext cx="1902765" cy="215444"/>
          </a:xfrm>
          <a:prstGeom prst="rect">
            <a:avLst/>
          </a:prstGeom>
          <a:noFill/>
        </p:spPr>
        <p:txBody>
          <a:bodyPr wrap="none" lIns="0" tIns="0" rIns="0" bIns="0" rtlCol="0">
            <a:spAutoFit/>
          </a:bodyPr>
          <a:lstStyle/>
          <a:p>
            <a:pPr algn="l"/>
            <a:r>
              <a:rPr lang="da-DK" sz="1400" dirty="0">
                <a:solidFill>
                  <a:schemeClr val="accent1"/>
                </a:solidFill>
              </a:rPr>
              <a:t>Mere utryghed på vejene  </a:t>
            </a:r>
          </a:p>
        </p:txBody>
      </p:sp>
      <p:cxnSp>
        <p:nvCxnSpPr>
          <p:cNvPr id="22" name="Straight Arrow Connector 21">
            <a:extLst>
              <a:ext uri="{FF2B5EF4-FFF2-40B4-BE49-F238E27FC236}">
                <a16:creationId xmlns:a16="http://schemas.microsoft.com/office/drawing/2014/main" id="{F8EAA3B6-9494-9095-636C-3B88CE392D83}"/>
              </a:ext>
            </a:extLst>
          </p:cNvPr>
          <p:cNvCxnSpPr>
            <a:cxnSpLocks/>
            <a:stCxn id="3" idx="3"/>
            <a:endCxn id="4" idx="1"/>
          </p:cNvCxnSpPr>
          <p:nvPr/>
        </p:nvCxnSpPr>
        <p:spPr>
          <a:xfrm>
            <a:off x="6010836" y="3068111"/>
            <a:ext cx="734586" cy="1620"/>
          </a:xfrm>
          <a:prstGeom prst="straightConnector1">
            <a:avLst/>
          </a:prstGeom>
          <a:ln>
            <a:headEnd type="triangle"/>
            <a:tailEnd type="triangle"/>
          </a:ln>
        </p:spPr>
        <p:style>
          <a:lnRef idx="1">
            <a:schemeClr val="dk1"/>
          </a:lnRef>
          <a:fillRef idx="0">
            <a:schemeClr val="dk1"/>
          </a:fillRef>
          <a:effectRef idx="0">
            <a:schemeClr val="dk1"/>
          </a:effectRef>
          <a:fontRef idx="minor">
            <a:schemeClr val="tx1"/>
          </a:fontRef>
        </p:style>
      </p:cxnSp>
      <p:cxnSp>
        <p:nvCxnSpPr>
          <p:cNvPr id="26" name="Straight Arrow Connector 25">
            <a:extLst>
              <a:ext uri="{FF2B5EF4-FFF2-40B4-BE49-F238E27FC236}">
                <a16:creationId xmlns:a16="http://schemas.microsoft.com/office/drawing/2014/main" id="{43E2BD9D-EF34-93F3-2A6D-71E44EFCD035}"/>
              </a:ext>
            </a:extLst>
          </p:cNvPr>
          <p:cNvCxnSpPr>
            <a:cxnSpLocks/>
            <a:stCxn id="3" idx="0"/>
            <a:endCxn id="15" idx="2"/>
          </p:cNvCxnSpPr>
          <p:nvPr/>
        </p:nvCxnSpPr>
        <p:spPr>
          <a:xfrm flipV="1">
            <a:off x="4783737" y="2227453"/>
            <a:ext cx="551433" cy="702158"/>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31" name="Straight Arrow Connector 30">
            <a:extLst>
              <a:ext uri="{FF2B5EF4-FFF2-40B4-BE49-F238E27FC236}">
                <a16:creationId xmlns:a16="http://schemas.microsoft.com/office/drawing/2014/main" id="{FF30B8F4-D506-3E14-4F68-C74ED0F4D5A1}"/>
              </a:ext>
            </a:extLst>
          </p:cNvPr>
          <p:cNvCxnSpPr>
            <a:cxnSpLocks/>
            <a:stCxn id="15" idx="3"/>
            <a:endCxn id="16" idx="1"/>
          </p:cNvCxnSpPr>
          <p:nvPr/>
        </p:nvCxnSpPr>
        <p:spPr>
          <a:xfrm flipV="1">
            <a:off x="5886603" y="2054513"/>
            <a:ext cx="1201451" cy="65218"/>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34" name="Straight Arrow Connector 33">
            <a:extLst>
              <a:ext uri="{FF2B5EF4-FFF2-40B4-BE49-F238E27FC236}">
                <a16:creationId xmlns:a16="http://schemas.microsoft.com/office/drawing/2014/main" id="{BC890E20-FD28-5144-25FE-B8B5132711A4}"/>
              </a:ext>
            </a:extLst>
          </p:cNvPr>
          <p:cNvCxnSpPr>
            <a:cxnSpLocks/>
            <a:stCxn id="16" idx="3"/>
            <a:endCxn id="19" idx="1"/>
          </p:cNvCxnSpPr>
          <p:nvPr/>
        </p:nvCxnSpPr>
        <p:spPr>
          <a:xfrm>
            <a:off x="8298322" y="2054513"/>
            <a:ext cx="1424279" cy="268029"/>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39" name="Straight Arrow Connector 38">
            <a:extLst>
              <a:ext uri="{FF2B5EF4-FFF2-40B4-BE49-F238E27FC236}">
                <a16:creationId xmlns:a16="http://schemas.microsoft.com/office/drawing/2014/main" id="{22CDCA5E-3B31-52D7-18D9-559DBD3338DB}"/>
              </a:ext>
            </a:extLst>
          </p:cNvPr>
          <p:cNvCxnSpPr>
            <a:cxnSpLocks/>
            <a:stCxn id="16" idx="0"/>
            <a:endCxn id="17" idx="2"/>
          </p:cNvCxnSpPr>
          <p:nvPr/>
        </p:nvCxnSpPr>
        <p:spPr>
          <a:xfrm flipH="1" flipV="1">
            <a:off x="6787099" y="1179416"/>
            <a:ext cx="906089" cy="767375"/>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42" name="Straight Arrow Connector 41">
            <a:extLst>
              <a:ext uri="{FF2B5EF4-FFF2-40B4-BE49-F238E27FC236}">
                <a16:creationId xmlns:a16="http://schemas.microsoft.com/office/drawing/2014/main" id="{D093FBBF-D309-FC88-8929-1B073E8B22A6}"/>
              </a:ext>
            </a:extLst>
          </p:cNvPr>
          <p:cNvCxnSpPr>
            <a:cxnSpLocks/>
            <a:stCxn id="17" idx="0"/>
            <a:endCxn id="18" idx="1"/>
          </p:cNvCxnSpPr>
          <p:nvPr/>
        </p:nvCxnSpPr>
        <p:spPr>
          <a:xfrm flipV="1">
            <a:off x="6787099" y="565810"/>
            <a:ext cx="1256194" cy="398162"/>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47" name="Straight Arrow Connector 46">
            <a:extLst>
              <a:ext uri="{FF2B5EF4-FFF2-40B4-BE49-F238E27FC236}">
                <a16:creationId xmlns:a16="http://schemas.microsoft.com/office/drawing/2014/main" id="{8687963D-9450-3FD0-B905-F08214A07CE1}"/>
              </a:ext>
            </a:extLst>
          </p:cNvPr>
          <p:cNvCxnSpPr>
            <a:cxnSpLocks/>
            <a:stCxn id="16" idx="3"/>
            <a:endCxn id="20" idx="1"/>
          </p:cNvCxnSpPr>
          <p:nvPr/>
        </p:nvCxnSpPr>
        <p:spPr>
          <a:xfrm flipV="1">
            <a:off x="8298322" y="1178106"/>
            <a:ext cx="1020962" cy="876407"/>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50" name="Straight Arrow Connector 49">
            <a:extLst>
              <a:ext uri="{FF2B5EF4-FFF2-40B4-BE49-F238E27FC236}">
                <a16:creationId xmlns:a16="http://schemas.microsoft.com/office/drawing/2014/main" id="{B7FEE944-A644-D3A8-5F43-8CD46D6BBD3C}"/>
              </a:ext>
            </a:extLst>
          </p:cNvPr>
          <p:cNvCxnSpPr>
            <a:cxnSpLocks/>
            <a:endCxn id="19" idx="0"/>
          </p:cNvCxnSpPr>
          <p:nvPr/>
        </p:nvCxnSpPr>
        <p:spPr>
          <a:xfrm>
            <a:off x="10127304" y="1291325"/>
            <a:ext cx="360731" cy="923495"/>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60" name="Straight Arrow Connector 59">
            <a:extLst>
              <a:ext uri="{FF2B5EF4-FFF2-40B4-BE49-F238E27FC236}">
                <a16:creationId xmlns:a16="http://schemas.microsoft.com/office/drawing/2014/main" id="{16738622-A555-12A7-3799-EE075BEA3BFE}"/>
              </a:ext>
            </a:extLst>
          </p:cNvPr>
          <p:cNvCxnSpPr>
            <a:cxnSpLocks/>
            <a:stCxn id="17" idx="1"/>
            <a:endCxn id="174" idx="3"/>
          </p:cNvCxnSpPr>
          <p:nvPr/>
        </p:nvCxnSpPr>
        <p:spPr>
          <a:xfrm flipH="1">
            <a:off x="3032494" y="1071694"/>
            <a:ext cx="2831275" cy="104693"/>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61" name="TextBox 60">
            <a:extLst>
              <a:ext uri="{FF2B5EF4-FFF2-40B4-BE49-F238E27FC236}">
                <a16:creationId xmlns:a16="http://schemas.microsoft.com/office/drawing/2014/main" id="{3BD3B171-134C-1739-0F45-A132C01C1018}"/>
              </a:ext>
            </a:extLst>
          </p:cNvPr>
          <p:cNvSpPr txBox="1"/>
          <p:nvPr/>
        </p:nvSpPr>
        <p:spPr>
          <a:xfrm>
            <a:off x="3846857" y="3673648"/>
            <a:ext cx="3125856" cy="430887"/>
          </a:xfrm>
          <a:prstGeom prst="rect">
            <a:avLst/>
          </a:prstGeom>
          <a:noFill/>
        </p:spPr>
        <p:txBody>
          <a:bodyPr wrap="none" lIns="0" tIns="0" rIns="0" bIns="0" rtlCol="0">
            <a:spAutoFit/>
          </a:bodyPr>
          <a:lstStyle/>
          <a:p>
            <a:pPr algn="l"/>
            <a:r>
              <a:rPr lang="da-DK" sz="1400" dirty="0">
                <a:solidFill>
                  <a:schemeClr val="accent1">
                    <a:lumMod val="50000"/>
                    <a:lumOff val="50000"/>
                  </a:schemeClr>
                </a:solidFill>
              </a:rPr>
              <a:t>Mobiliteten  forringes. </a:t>
            </a:r>
          </a:p>
          <a:p>
            <a:pPr algn="l"/>
            <a:r>
              <a:rPr lang="da-DK" sz="1400" dirty="0">
                <a:solidFill>
                  <a:schemeClr val="accent1">
                    <a:lumMod val="50000"/>
                    <a:lumOff val="50000"/>
                  </a:schemeClr>
                </a:solidFill>
              </a:rPr>
              <a:t>38 pct. af familierne har ikke adgang til bil </a:t>
            </a:r>
          </a:p>
        </p:txBody>
      </p:sp>
      <p:sp>
        <p:nvSpPr>
          <p:cNvPr id="63" name="TextBox 62">
            <a:extLst>
              <a:ext uri="{FF2B5EF4-FFF2-40B4-BE49-F238E27FC236}">
                <a16:creationId xmlns:a16="http://schemas.microsoft.com/office/drawing/2014/main" id="{B893602E-C51B-75B3-DE63-32CA39B78F21}"/>
              </a:ext>
            </a:extLst>
          </p:cNvPr>
          <p:cNvSpPr txBox="1"/>
          <p:nvPr/>
        </p:nvSpPr>
        <p:spPr>
          <a:xfrm>
            <a:off x="8963633" y="3482965"/>
            <a:ext cx="3124253" cy="215444"/>
          </a:xfrm>
          <a:prstGeom prst="rect">
            <a:avLst/>
          </a:prstGeom>
          <a:noFill/>
        </p:spPr>
        <p:txBody>
          <a:bodyPr wrap="none" lIns="0" tIns="0" rIns="0" bIns="0" rtlCol="0">
            <a:spAutoFit/>
          </a:bodyPr>
          <a:lstStyle/>
          <a:p>
            <a:pPr algn="l"/>
            <a:r>
              <a:rPr lang="da-DK" sz="1400" dirty="0">
                <a:solidFill>
                  <a:schemeClr val="accent1"/>
                </a:solidFill>
              </a:rPr>
              <a:t>Svært at leve et aktivt liv i landdistrikterne </a:t>
            </a:r>
          </a:p>
        </p:txBody>
      </p:sp>
      <p:sp>
        <p:nvSpPr>
          <p:cNvPr id="64" name="TextBox 63">
            <a:extLst>
              <a:ext uri="{FF2B5EF4-FFF2-40B4-BE49-F238E27FC236}">
                <a16:creationId xmlns:a16="http://schemas.microsoft.com/office/drawing/2014/main" id="{8FE4195C-FC36-36D1-02D0-6C3CCF6FA7C0}"/>
              </a:ext>
            </a:extLst>
          </p:cNvPr>
          <p:cNvSpPr txBox="1"/>
          <p:nvPr/>
        </p:nvSpPr>
        <p:spPr>
          <a:xfrm>
            <a:off x="7797018" y="4036548"/>
            <a:ext cx="3908121" cy="215444"/>
          </a:xfrm>
          <a:prstGeom prst="rect">
            <a:avLst/>
          </a:prstGeom>
          <a:noFill/>
        </p:spPr>
        <p:txBody>
          <a:bodyPr wrap="none" lIns="0" tIns="0" rIns="0" bIns="0" rtlCol="0">
            <a:spAutoFit/>
          </a:bodyPr>
          <a:lstStyle/>
          <a:p>
            <a:pPr algn="l"/>
            <a:r>
              <a:rPr lang="da-DK" sz="1400" dirty="0">
                <a:solidFill>
                  <a:schemeClr val="accent1"/>
                </a:solidFill>
              </a:rPr>
              <a:t>Forældre skal være chauffør for deres børn og ældre  </a:t>
            </a:r>
          </a:p>
        </p:txBody>
      </p:sp>
      <p:sp>
        <p:nvSpPr>
          <p:cNvPr id="65" name="TextBox 64">
            <a:extLst>
              <a:ext uri="{FF2B5EF4-FFF2-40B4-BE49-F238E27FC236}">
                <a16:creationId xmlns:a16="http://schemas.microsoft.com/office/drawing/2014/main" id="{35D3F702-2694-EAB2-F0CF-7CDCE3E7C15A}"/>
              </a:ext>
            </a:extLst>
          </p:cNvPr>
          <p:cNvSpPr txBox="1"/>
          <p:nvPr/>
        </p:nvSpPr>
        <p:spPr>
          <a:xfrm>
            <a:off x="8897801" y="4990778"/>
            <a:ext cx="2459006" cy="215444"/>
          </a:xfrm>
          <a:prstGeom prst="rect">
            <a:avLst/>
          </a:prstGeom>
          <a:noFill/>
        </p:spPr>
        <p:txBody>
          <a:bodyPr wrap="none" lIns="0" tIns="0" rIns="0" bIns="0" rtlCol="0">
            <a:spAutoFit/>
          </a:bodyPr>
          <a:lstStyle/>
          <a:p>
            <a:pPr algn="l"/>
            <a:r>
              <a:rPr lang="da-DK" sz="1400" dirty="0">
                <a:solidFill>
                  <a:schemeClr val="accent1"/>
                </a:solidFill>
              </a:rPr>
              <a:t>Mindre frihed og selvstændighed </a:t>
            </a:r>
          </a:p>
        </p:txBody>
      </p:sp>
      <p:sp>
        <p:nvSpPr>
          <p:cNvPr id="66" name="TextBox 65">
            <a:extLst>
              <a:ext uri="{FF2B5EF4-FFF2-40B4-BE49-F238E27FC236}">
                <a16:creationId xmlns:a16="http://schemas.microsoft.com/office/drawing/2014/main" id="{0DECB3D3-CED3-1AF9-9A9E-9DA68C7C8F38}"/>
              </a:ext>
            </a:extLst>
          </p:cNvPr>
          <p:cNvSpPr txBox="1"/>
          <p:nvPr/>
        </p:nvSpPr>
        <p:spPr>
          <a:xfrm>
            <a:off x="3662068" y="4577691"/>
            <a:ext cx="3258905" cy="215444"/>
          </a:xfrm>
          <a:prstGeom prst="rect">
            <a:avLst/>
          </a:prstGeom>
          <a:noFill/>
        </p:spPr>
        <p:txBody>
          <a:bodyPr wrap="none" lIns="0" tIns="0" rIns="0" bIns="0" rtlCol="0">
            <a:spAutoFit/>
          </a:bodyPr>
          <a:lstStyle/>
          <a:p>
            <a:pPr algn="l"/>
            <a:r>
              <a:rPr lang="da-DK" sz="1400" dirty="0">
                <a:solidFill>
                  <a:schemeClr val="accent1"/>
                </a:solidFill>
              </a:rPr>
              <a:t>Svært at komme på arbejde  og til fritidsjob  </a:t>
            </a:r>
          </a:p>
        </p:txBody>
      </p:sp>
      <p:sp>
        <p:nvSpPr>
          <p:cNvPr id="67" name="TextBox 66">
            <a:extLst>
              <a:ext uri="{FF2B5EF4-FFF2-40B4-BE49-F238E27FC236}">
                <a16:creationId xmlns:a16="http://schemas.microsoft.com/office/drawing/2014/main" id="{B8AE488F-042E-CE8D-B042-218E139B2DAE}"/>
              </a:ext>
            </a:extLst>
          </p:cNvPr>
          <p:cNvSpPr txBox="1"/>
          <p:nvPr/>
        </p:nvSpPr>
        <p:spPr>
          <a:xfrm>
            <a:off x="4029524" y="5275339"/>
            <a:ext cx="3058530" cy="215444"/>
          </a:xfrm>
          <a:prstGeom prst="rect">
            <a:avLst/>
          </a:prstGeom>
          <a:noFill/>
        </p:spPr>
        <p:txBody>
          <a:bodyPr wrap="none" lIns="0" tIns="0" rIns="0" bIns="0" rtlCol="0">
            <a:spAutoFit/>
          </a:bodyPr>
          <a:lstStyle/>
          <a:p>
            <a:pPr algn="l"/>
            <a:r>
              <a:rPr lang="da-DK" sz="1400" dirty="0">
                <a:solidFill>
                  <a:schemeClr val="accent1"/>
                </a:solidFill>
              </a:rPr>
              <a:t>Mobiliteten på arbejdsmarkedet forringes</a:t>
            </a:r>
          </a:p>
        </p:txBody>
      </p:sp>
      <p:sp>
        <p:nvSpPr>
          <p:cNvPr id="68" name="TextBox 67">
            <a:extLst>
              <a:ext uri="{FF2B5EF4-FFF2-40B4-BE49-F238E27FC236}">
                <a16:creationId xmlns:a16="http://schemas.microsoft.com/office/drawing/2014/main" id="{68BE85F6-2A78-D74E-05A7-3245E46FB011}"/>
              </a:ext>
            </a:extLst>
          </p:cNvPr>
          <p:cNvSpPr txBox="1"/>
          <p:nvPr/>
        </p:nvSpPr>
        <p:spPr>
          <a:xfrm>
            <a:off x="8286224" y="6357395"/>
            <a:ext cx="3704540" cy="215444"/>
          </a:xfrm>
          <a:prstGeom prst="rect">
            <a:avLst/>
          </a:prstGeom>
          <a:noFill/>
        </p:spPr>
        <p:txBody>
          <a:bodyPr wrap="none" lIns="0" tIns="0" rIns="0" bIns="0" rtlCol="0">
            <a:spAutoFit/>
          </a:bodyPr>
          <a:lstStyle/>
          <a:p>
            <a:pPr algn="l"/>
            <a:r>
              <a:rPr lang="da-DK" sz="1400" dirty="0">
                <a:solidFill>
                  <a:schemeClr val="accent1"/>
                </a:solidFill>
              </a:rPr>
              <a:t>Svært at komme til lægen og sociale fællesskaber  </a:t>
            </a:r>
          </a:p>
        </p:txBody>
      </p:sp>
      <p:sp>
        <p:nvSpPr>
          <p:cNvPr id="69" name="TextBox 68">
            <a:extLst>
              <a:ext uri="{FF2B5EF4-FFF2-40B4-BE49-F238E27FC236}">
                <a16:creationId xmlns:a16="http://schemas.microsoft.com/office/drawing/2014/main" id="{9F386E71-DCEF-0424-B20C-FDD54B4ABCD2}"/>
              </a:ext>
            </a:extLst>
          </p:cNvPr>
          <p:cNvSpPr txBox="1"/>
          <p:nvPr/>
        </p:nvSpPr>
        <p:spPr>
          <a:xfrm>
            <a:off x="1526147" y="6357395"/>
            <a:ext cx="1404231" cy="215444"/>
          </a:xfrm>
          <a:prstGeom prst="rect">
            <a:avLst/>
          </a:prstGeom>
          <a:noFill/>
        </p:spPr>
        <p:txBody>
          <a:bodyPr wrap="none" lIns="0" tIns="0" rIns="0" bIns="0" rtlCol="0">
            <a:spAutoFit/>
          </a:bodyPr>
          <a:lstStyle/>
          <a:p>
            <a:pPr algn="l"/>
            <a:r>
              <a:rPr lang="da-DK" sz="1400" dirty="0">
                <a:solidFill>
                  <a:schemeClr val="accent1">
                    <a:lumMod val="50000"/>
                    <a:lumOff val="50000"/>
                  </a:schemeClr>
                </a:solidFill>
              </a:rPr>
              <a:t>Forringet sundhed </a:t>
            </a:r>
          </a:p>
        </p:txBody>
      </p:sp>
      <p:cxnSp>
        <p:nvCxnSpPr>
          <p:cNvPr id="73" name="Straight Arrow Connector 72">
            <a:extLst>
              <a:ext uri="{FF2B5EF4-FFF2-40B4-BE49-F238E27FC236}">
                <a16:creationId xmlns:a16="http://schemas.microsoft.com/office/drawing/2014/main" id="{8098C7AE-44EE-6A8A-2923-4C43245D31E8}"/>
              </a:ext>
            </a:extLst>
          </p:cNvPr>
          <p:cNvCxnSpPr>
            <a:cxnSpLocks/>
            <a:stCxn id="3" idx="2"/>
            <a:endCxn id="61" idx="0"/>
          </p:cNvCxnSpPr>
          <p:nvPr/>
        </p:nvCxnSpPr>
        <p:spPr>
          <a:xfrm>
            <a:off x="4783737" y="3206610"/>
            <a:ext cx="626048" cy="467038"/>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77" name="Straight Arrow Connector 76">
            <a:extLst>
              <a:ext uri="{FF2B5EF4-FFF2-40B4-BE49-F238E27FC236}">
                <a16:creationId xmlns:a16="http://schemas.microsoft.com/office/drawing/2014/main" id="{592ECEB8-C519-1010-8A50-574E5C29E550}"/>
              </a:ext>
            </a:extLst>
          </p:cNvPr>
          <p:cNvCxnSpPr>
            <a:cxnSpLocks/>
            <a:stCxn id="61" idx="3"/>
          </p:cNvCxnSpPr>
          <p:nvPr/>
        </p:nvCxnSpPr>
        <p:spPr>
          <a:xfrm flipV="1">
            <a:off x="6972713" y="3590264"/>
            <a:ext cx="1768906" cy="298828"/>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81" name="Straight Arrow Connector 80">
            <a:extLst>
              <a:ext uri="{FF2B5EF4-FFF2-40B4-BE49-F238E27FC236}">
                <a16:creationId xmlns:a16="http://schemas.microsoft.com/office/drawing/2014/main" id="{8B98B1D3-0D05-A72C-E00B-AACB50E86AD8}"/>
              </a:ext>
            </a:extLst>
          </p:cNvPr>
          <p:cNvCxnSpPr>
            <a:cxnSpLocks/>
          </p:cNvCxnSpPr>
          <p:nvPr/>
        </p:nvCxnSpPr>
        <p:spPr>
          <a:xfrm>
            <a:off x="6972713" y="4104535"/>
            <a:ext cx="775571" cy="21829"/>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84" name="Straight Arrow Connector 83">
            <a:extLst>
              <a:ext uri="{FF2B5EF4-FFF2-40B4-BE49-F238E27FC236}">
                <a16:creationId xmlns:a16="http://schemas.microsoft.com/office/drawing/2014/main" id="{5164AE87-3CB5-A4E8-E9E0-BF716A3B1EFB}"/>
              </a:ext>
            </a:extLst>
          </p:cNvPr>
          <p:cNvCxnSpPr>
            <a:cxnSpLocks/>
            <a:stCxn id="61" idx="2"/>
            <a:endCxn id="66" idx="0"/>
          </p:cNvCxnSpPr>
          <p:nvPr/>
        </p:nvCxnSpPr>
        <p:spPr>
          <a:xfrm flipH="1">
            <a:off x="5291521" y="4104535"/>
            <a:ext cx="118264" cy="47315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87" name="Straight Arrow Connector 86">
            <a:extLst>
              <a:ext uri="{FF2B5EF4-FFF2-40B4-BE49-F238E27FC236}">
                <a16:creationId xmlns:a16="http://schemas.microsoft.com/office/drawing/2014/main" id="{FF492371-36B9-E68B-C4D3-A60B358D2ADA}"/>
              </a:ext>
            </a:extLst>
          </p:cNvPr>
          <p:cNvCxnSpPr>
            <a:cxnSpLocks/>
            <a:stCxn id="66" idx="2"/>
            <a:endCxn id="67" idx="0"/>
          </p:cNvCxnSpPr>
          <p:nvPr/>
        </p:nvCxnSpPr>
        <p:spPr>
          <a:xfrm>
            <a:off x="5291521" y="4793135"/>
            <a:ext cx="267268" cy="482204"/>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93" name="Straight Arrow Connector 92">
            <a:extLst>
              <a:ext uri="{FF2B5EF4-FFF2-40B4-BE49-F238E27FC236}">
                <a16:creationId xmlns:a16="http://schemas.microsoft.com/office/drawing/2014/main" id="{4FBFF97D-93FD-46C5-1958-763EBDBAAD38}"/>
              </a:ext>
            </a:extLst>
          </p:cNvPr>
          <p:cNvCxnSpPr>
            <a:cxnSpLocks/>
            <a:stCxn id="64" idx="2"/>
            <a:endCxn id="65" idx="0"/>
          </p:cNvCxnSpPr>
          <p:nvPr/>
        </p:nvCxnSpPr>
        <p:spPr>
          <a:xfrm>
            <a:off x="9751079" y="4251992"/>
            <a:ext cx="376225" cy="73878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96" name="Straight Arrow Connector 95">
            <a:extLst>
              <a:ext uri="{FF2B5EF4-FFF2-40B4-BE49-F238E27FC236}">
                <a16:creationId xmlns:a16="http://schemas.microsoft.com/office/drawing/2014/main" id="{510D506C-EB0F-79F1-3EBA-1166B3DEA354}"/>
              </a:ext>
            </a:extLst>
          </p:cNvPr>
          <p:cNvCxnSpPr>
            <a:cxnSpLocks/>
            <a:endCxn id="68" idx="0"/>
          </p:cNvCxnSpPr>
          <p:nvPr/>
        </p:nvCxnSpPr>
        <p:spPr>
          <a:xfrm>
            <a:off x="6029204" y="4156610"/>
            <a:ext cx="4109290" cy="2200785"/>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05" name="Straight Arrow Connector 104">
            <a:extLst>
              <a:ext uri="{FF2B5EF4-FFF2-40B4-BE49-F238E27FC236}">
                <a16:creationId xmlns:a16="http://schemas.microsoft.com/office/drawing/2014/main" id="{2D293B50-8F3E-5A1B-5A87-05671653984B}"/>
              </a:ext>
            </a:extLst>
          </p:cNvPr>
          <p:cNvCxnSpPr>
            <a:cxnSpLocks/>
            <a:stCxn id="68" idx="1"/>
            <a:endCxn id="69" idx="3"/>
          </p:cNvCxnSpPr>
          <p:nvPr/>
        </p:nvCxnSpPr>
        <p:spPr>
          <a:xfrm flipH="1">
            <a:off x="2930378" y="6465117"/>
            <a:ext cx="5355846"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121" name="TextBox 120">
            <a:extLst>
              <a:ext uri="{FF2B5EF4-FFF2-40B4-BE49-F238E27FC236}">
                <a16:creationId xmlns:a16="http://schemas.microsoft.com/office/drawing/2014/main" id="{B3538264-4469-B9BA-1515-C2E994F89982}"/>
              </a:ext>
            </a:extLst>
          </p:cNvPr>
          <p:cNvSpPr txBox="1"/>
          <p:nvPr/>
        </p:nvSpPr>
        <p:spPr>
          <a:xfrm>
            <a:off x="853255" y="3794620"/>
            <a:ext cx="1806585" cy="215444"/>
          </a:xfrm>
          <a:prstGeom prst="rect">
            <a:avLst/>
          </a:prstGeom>
          <a:noFill/>
        </p:spPr>
        <p:txBody>
          <a:bodyPr wrap="none" lIns="0" tIns="0" rIns="0" bIns="0" rtlCol="0">
            <a:spAutoFit/>
          </a:bodyPr>
          <a:lstStyle/>
          <a:p>
            <a:pPr algn="l"/>
            <a:r>
              <a:rPr lang="da-DK" sz="1400" dirty="0">
                <a:solidFill>
                  <a:schemeClr val="accent1"/>
                </a:solidFill>
              </a:rPr>
              <a:t>Svært at komme i skole  </a:t>
            </a:r>
          </a:p>
        </p:txBody>
      </p:sp>
      <p:sp>
        <p:nvSpPr>
          <p:cNvPr id="122" name="TextBox 121">
            <a:extLst>
              <a:ext uri="{FF2B5EF4-FFF2-40B4-BE49-F238E27FC236}">
                <a16:creationId xmlns:a16="http://schemas.microsoft.com/office/drawing/2014/main" id="{D18AAAE7-8C50-CBEB-1460-F7730B2A56E8}"/>
              </a:ext>
            </a:extLst>
          </p:cNvPr>
          <p:cNvSpPr txBox="1"/>
          <p:nvPr/>
        </p:nvSpPr>
        <p:spPr>
          <a:xfrm>
            <a:off x="1333878" y="3444654"/>
            <a:ext cx="1526059" cy="215444"/>
          </a:xfrm>
          <a:prstGeom prst="rect">
            <a:avLst/>
          </a:prstGeom>
          <a:noFill/>
        </p:spPr>
        <p:txBody>
          <a:bodyPr wrap="none" lIns="0" tIns="0" rIns="0" bIns="0" rtlCol="0">
            <a:spAutoFit/>
          </a:bodyPr>
          <a:lstStyle/>
          <a:p>
            <a:pPr algn="l"/>
            <a:r>
              <a:rPr lang="da-DK" sz="1400" dirty="0">
                <a:solidFill>
                  <a:schemeClr val="accent1">
                    <a:lumMod val="50000"/>
                    <a:lumOff val="50000"/>
                  </a:schemeClr>
                </a:solidFill>
              </a:rPr>
              <a:t>Øget social ulighed   </a:t>
            </a:r>
          </a:p>
        </p:txBody>
      </p:sp>
      <p:sp>
        <p:nvSpPr>
          <p:cNvPr id="127" name="TextBox 126">
            <a:extLst>
              <a:ext uri="{FF2B5EF4-FFF2-40B4-BE49-F238E27FC236}">
                <a16:creationId xmlns:a16="http://schemas.microsoft.com/office/drawing/2014/main" id="{A9609D6E-380A-00F8-AC18-F533A6BA0594}"/>
              </a:ext>
            </a:extLst>
          </p:cNvPr>
          <p:cNvSpPr txBox="1"/>
          <p:nvPr/>
        </p:nvSpPr>
        <p:spPr>
          <a:xfrm>
            <a:off x="299418" y="4366586"/>
            <a:ext cx="3080972" cy="215444"/>
          </a:xfrm>
          <a:prstGeom prst="rect">
            <a:avLst/>
          </a:prstGeom>
          <a:noFill/>
        </p:spPr>
        <p:txBody>
          <a:bodyPr wrap="none" lIns="0" tIns="0" rIns="0" bIns="0" rtlCol="0">
            <a:spAutoFit/>
          </a:bodyPr>
          <a:lstStyle/>
          <a:p>
            <a:pPr algn="l"/>
            <a:r>
              <a:rPr lang="da-DK" sz="1400" dirty="0">
                <a:solidFill>
                  <a:schemeClr val="accent1"/>
                </a:solidFill>
              </a:rPr>
              <a:t>Færre unge gennemfører en uddannelse   </a:t>
            </a:r>
          </a:p>
        </p:txBody>
      </p:sp>
      <p:sp>
        <p:nvSpPr>
          <p:cNvPr id="128" name="TextBox 127">
            <a:extLst>
              <a:ext uri="{FF2B5EF4-FFF2-40B4-BE49-F238E27FC236}">
                <a16:creationId xmlns:a16="http://schemas.microsoft.com/office/drawing/2014/main" id="{6766115E-8C37-3900-50D6-979BF8F0F789}"/>
              </a:ext>
            </a:extLst>
          </p:cNvPr>
          <p:cNvSpPr txBox="1"/>
          <p:nvPr/>
        </p:nvSpPr>
        <p:spPr>
          <a:xfrm>
            <a:off x="1132178" y="4915302"/>
            <a:ext cx="1088439" cy="215444"/>
          </a:xfrm>
          <a:prstGeom prst="rect">
            <a:avLst/>
          </a:prstGeom>
          <a:noFill/>
        </p:spPr>
        <p:txBody>
          <a:bodyPr wrap="none" lIns="0" tIns="0" rIns="0" bIns="0" rtlCol="0">
            <a:spAutoFit/>
          </a:bodyPr>
          <a:lstStyle/>
          <a:p>
            <a:pPr algn="l"/>
            <a:r>
              <a:rPr lang="da-DK" sz="1200" dirty="0">
                <a:solidFill>
                  <a:schemeClr val="accent1"/>
                </a:solidFill>
              </a:rPr>
              <a:t>Øget </a:t>
            </a:r>
            <a:r>
              <a:rPr lang="da-DK" sz="1400" dirty="0">
                <a:solidFill>
                  <a:schemeClr val="accent1"/>
                </a:solidFill>
              </a:rPr>
              <a:t>mistrivsel</a:t>
            </a:r>
            <a:r>
              <a:rPr lang="da-DK" sz="1200" dirty="0">
                <a:solidFill>
                  <a:schemeClr val="accent1"/>
                </a:solidFill>
                <a:highlight>
                  <a:srgbClr val="FFFF00"/>
                </a:highlight>
              </a:rPr>
              <a:t> </a:t>
            </a:r>
          </a:p>
        </p:txBody>
      </p:sp>
      <p:sp>
        <p:nvSpPr>
          <p:cNvPr id="129" name="TextBox 128">
            <a:extLst>
              <a:ext uri="{FF2B5EF4-FFF2-40B4-BE49-F238E27FC236}">
                <a16:creationId xmlns:a16="http://schemas.microsoft.com/office/drawing/2014/main" id="{3785855F-DC6C-3A12-F208-5398C2D966B1}"/>
              </a:ext>
            </a:extLst>
          </p:cNvPr>
          <p:cNvSpPr txBox="1"/>
          <p:nvPr/>
        </p:nvSpPr>
        <p:spPr>
          <a:xfrm>
            <a:off x="1150349" y="5445102"/>
            <a:ext cx="1849069" cy="215444"/>
          </a:xfrm>
          <a:prstGeom prst="rect">
            <a:avLst/>
          </a:prstGeom>
          <a:noFill/>
        </p:spPr>
        <p:txBody>
          <a:bodyPr wrap="square" lIns="0" tIns="0" rIns="0" bIns="0" rtlCol="0">
            <a:spAutoFit/>
          </a:bodyPr>
          <a:lstStyle/>
          <a:p>
            <a:pPr algn="l"/>
            <a:r>
              <a:rPr lang="da-DK" sz="1200" dirty="0">
                <a:solidFill>
                  <a:schemeClr val="accent1"/>
                </a:solidFill>
              </a:rPr>
              <a:t>Øget </a:t>
            </a:r>
            <a:r>
              <a:rPr lang="da-DK" sz="1400" dirty="0">
                <a:solidFill>
                  <a:schemeClr val="accent1"/>
                </a:solidFill>
              </a:rPr>
              <a:t>ensomhed</a:t>
            </a:r>
          </a:p>
        </p:txBody>
      </p:sp>
      <p:sp>
        <p:nvSpPr>
          <p:cNvPr id="139" name="TextBox 138">
            <a:extLst>
              <a:ext uri="{FF2B5EF4-FFF2-40B4-BE49-F238E27FC236}">
                <a16:creationId xmlns:a16="http://schemas.microsoft.com/office/drawing/2014/main" id="{758EA68D-3DCF-8B61-663A-07DF3610DBB7}"/>
              </a:ext>
            </a:extLst>
          </p:cNvPr>
          <p:cNvSpPr txBox="1"/>
          <p:nvPr/>
        </p:nvSpPr>
        <p:spPr>
          <a:xfrm>
            <a:off x="6029204" y="5994494"/>
            <a:ext cx="2662588" cy="215444"/>
          </a:xfrm>
          <a:prstGeom prst="rect">
            <a:avLst/>
          </a:prstGeom>
          <a:noFill/>
        </p:spPr>
        <p:txBody>
          <a:bodyPr wrap="none" lIns="0" tIns="0" rIns="0" bIns="0" rtlCol="0">
            <a:spAutoFit/>
          </a:bodyPr>
          <a:lstStyle/>
          <a:p>
            <a:pPr algn="l"/>
            <a:r>
              <a:rPr lang="da-DK" sz="1400" dirty="0">
                <a:solidFill>
                  <a:schemeClr val="accent1"/>
                </a:solidFill>
              </a:rPr>
              <a:t>Svært at rekruttere ny arbejdskraft   </a:t>
            </a:r>
          </a:p>
        </p:txBody>
      </p:sp>
      <p:cxnSp>
        <p:nvCxnSpPr>
          <p:cNvPr id="141" name="Straight Arrow Connector 140">
            <a:extLst>
              <a:ext uri="{FF2B5EF4-FFF2-40B4-BE49-F238E27FC236}">
                <a16:creationId xmlns:a16="http://schemas.microsoft.com/office/drawing/2014/main" id="{D021CF59-714E-8070-A73B-D939A4DF91FA}"/>
              </a:ext>
            </a:extLst>
          </p:cNvPr>
          <p:cNvCxnSpPr>
            <a:cxnSpLocks/>
            <a:stCxn id="61" idx="1"/>
            <a:endCxn id="122" idx="3"/>
          </p:cNvCxnSpPr>
          <p:nvPr/>
        </p:nvCxnSpPr>
        <p:spPr>
          <a:xfrm flipH="1" flipV="1">
            <a:off x="2859937" y="3552376"/>
            <a:ext cx="986920" cy="33671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144" name="TextBox 143">
            <a:extLst>
              <a:ext uri="{FF2B5EF4-FFF2-40B4-BE49-F238E27FC236}">
                <a16:creationId xmlns:a16="http://schemas.microsoft.com/office/drawing/2014/main" id="{EAD64B6A-6779-4DDE-D3FA-001E54B19CC6}"/>
              </a:ext>
            </a:extLst>
          </p:cNvPr>
          <p:cNvSpPr txBox="1"/>
          <p:nvPr/>
        </p:nvSpPr>
        <p:spPr>
          <a:xfrm>
            <a:off x="499786" y="1857515"/>
            <a:ext cx="2941511" cy="215444"/>
          </a:xfrm>
          <a:prstGeom prst="rect">
            <a:avLst/>
          </a:prstGeom>
          <a:noFill/>
        </p:spPr>
        <p:txBody>
          <a:bodyPr wrap="none" lIns="0" tIns="0" rIns="0" bIns="0" rtlCol="0">
            <a:spAutoFit/>
          </a:bodyPr>
          <a:lstStyle/>
          <a:p>
            <a:pPr algn="l"/>
            <a:r>
              <a:rPr lang="da-DK" sz="1400" dirty="0">
                <a:solidFill>
                  <a:schemeClr val="accent1"/>
                </a:solidFill>
              </a:rPr>
              <a:t>Besparelser i kommuner og regioner     </a:t>
            </a:r>
          </a:p>
        </p:txBody>
      </p:sp>
      <p:cxnSp>
        <p:nvCxnSpPr>
          <p:cNvPr id="145" name="Straight Arrow Connector 144">
            <a:extLst>
              <a:ext uri="{FF2B5EF4-FFF2-40B4-BE49-F238E27FC236}">
                <a16:creationId xmlns:a16="http://schemas.microsoft.com/office/drawing/2014/main" id="{C29208C9-E405-9288-8FEE-6BF3FECCA9FB}"/>
              </a:ext>
            </a:extLst>
          </p:cNvPr>
          <p:cNvCxnSpPr>
            <a:cxnSpLocks/>
            <a:stCxn id="61" idx="1"/>
            <a:endCxn id="121" idx="3"/>
          </p:cNvCxnSpPr>
          <p:nvPr/>
        </p:nvCxnSpPr>
        <p:spPr>
          <a:xfrm flipH="1">
            <a:off x="2659840" y="3889092"/>
            <a:ext cx="1187017" cy="1325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48" name="Straight Arrow Connector 147">
            <a:extLst>
              <a:ext uri="{FF2B5EF4-FFF2-40B4-BE49-F238E27FC236}">
                <a16:creationId xmlns:a16="http://schemas.microsoft.com/office/drawing/2014/main" id="{493386FD-9BBD-FD4C-230E-8710E273D9F4}"/>
              </a:ext>
            </a:extLst>
          </p:cNvPr>
          <p:cNvCxnSpPr>
            <a:cxnSpLocks/>
            <a:stCxn id="121" idx="2"/>
            <a:endCxn id="127" idx="0"/>
          </p:cNvCxnSpPr>
          <p:nvPr/>
        </p:nvCxnSpPr>
        <p:spPr>
          <a:xfrm>
            <a:off x="1756548" y="4010064"/>
            <a:ext cx="83356" cy="356522"/>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51" name="Straight Arrow Connector 150">
            <a:extLst>
              <a:ext uri="{FF2B5EF4-FFF2-40B4-BE49-F238E27FC236}">
                <a16:creationId xmlns:a16="http://schemas.microsoft.com/office/drawing/2014/main" id="{6F3FD393-C51C-2A29-8296-230F0DE4CFB7}"/>
              </a:ext>
            </a:extLst>
          </p:cNvPr>
          <p:cNvCxnSpPr>
            <a:cxnSpLocks/>
            <a:stCxn id="127" idx="2"/>
            <a:endCxn id="128" idx="0"/>
          </p:cNvCxnSpPr>
          <p:nvPr/>
        </p:nvCxnSpPr>
        <p:spPr>
          <a:xfrm flipH="1">
            <a:off x="1676398" y="4582030"/>
            <a:ext cx="163506" cy="333272"/>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54" name="Straight Arrow Connector 153">
            <a:extLst>
              <a:ext uri="{FF2B5EF4-FFF2-40B4-BE49-F238E27FC236}">
                <a16:creationId xmlns:a16="http://schemas.microsoft.com/office/drawing/2014/main" id="{EACB118E-5924-7FC4-DDAF-6F45D1E83ABD}"/>
              </a:ext>
            </a:extLst>
          </p:cNvPr>
          <p:cNvCxnSpPr>
            <a:cxnSpLocks/>
            <a:stCxn id="128" idx="2"/>
          </p:cNvCxnSpPr>
          <p:nvPr/>
        </p:nvCxnSpPr>
        <p:spPr>
          <a:xfrm flipH="1">
            <a:off x="1627506" y="5130746"/>
            <a:ext cx="48892" cy="262475"/>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58" name="Straight Arrow Connector 157">
            <a:extLst>
              <a:ext uri="{FF2B5EF4-FFF2-40B4-BE49-F238E27FC236}">
                <a16:creationId xmlns:a16="http://schemas.microsoft.com/office/drawing/2014/main" id="{827EDE23-3003-73C6-E1C8-5C75DBBF259A}"/>
              </a:ext>
            </a:extLst>
          </p:cNvPr>
          <p:cNvCxnSpPr>
            <a:cxnSpLocks/>
            <a:endCxn id="69" idx="0"/>
          </p:cNvCxnSpPr>
          <p:nvPr/>
        </p:nvCxnSpPr>
        <p:spPr>
          <a:xfrm>
            <a:off x="1755793" y="5629768"/>
            <a:ext cx="472470" cy="727627"/>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169" name="TextBox 168">
            <a:extLst>
              <a:ext uri="{FF2B5EF4-FFF2-40B4-BE49-F238E27FC236}">
                <a16:creationId xmlns:a16="http://schemas.microsoft.com/office/drawing/2014/main" id="{279FF427-CEF7-B4A1-318E-44BB774815F6}"/>
              </a:ext>
            </a:extLst>
          </p:cNvPr>
          <p:cNvSpPr txBox="1"/>
          <p:nvPr/>
        </p:nvSpPr>
        <p:spPr>
          <a:xfrm>
            <a:off x="229279" y="2962218"/>
            <a:ext cx="2370842" cy="215444"/>
          </a:xfrm>
          <a:prstGeom prst="rect">
            <a:avLst/>
          </a:prstGeom>
          <a:noFill/>
        </p:spPr>
        <p:txBody>
          <a:bodyPr wrap="none" lIns="0" tIns="0" rIns="0" bIns="0" rtlCol="0">
            <a:spAutoFit/>
          </a:bodyPr>
          <a:lstStyle/>
          <a:p>
            <a:pPr algn="l"/>
            <a:r>
              <a:rPr lang="da-DK" sz="1400" dirty="0">
                <a:solidFill>
                  <a:schemeClr val="accent1"/>
                </a:solidFill>
              </a:rPr>
              <a:t>Højere driftsudgifter til kørsel     </a:t>
            </a:r>
          </a:p>
        </p:txBody>
      </p:sp>
      <p:sp>
        <p:nvSpPr>
          <p:cNvPr id="170" name="TextBox 169">
            <a:extLst>
              <a:ext uri="{FF2B5EF4-FFF2-40B4-BE49-F238E27FC236}">
                <a16:creationId xmlns:a16="http://schemas.microsoft.com/office/drawing/2014/main" id="{9176AF2C-A1F7-D8CC-0474-8F30A29934FD}"/>
              </a:ext>
            </a:extLst>
          </p:cNvPr>
          <p:cNvSpPr txBox="1"/>
          <p:nvPr/>
        </p:nvSpPr>
        <p:spPr>
          <a:xfrm>
            <a:off x="2999418" y="2202348"/>
            <a:ext cx="1181414" cy="215444"/>
          </a:xfrm>
          <a:prstGeom prst="rect">
            <a:avLst/>
          </a:prstGeom>
          <a:noFill/>
        </p:spPr>
        <p:txBody>
          <a:bodyPr wrap="none" lIns="0" tIns="0" rIns="0" bIns="0" rtlCol="0">
            <a:spAutoFit/>
          </a:bodyPr>
          <a:lstStyle/>
          <a:p>
            <a:pPr algn="l"/>
            <a:r>
              <a:rPr lang="da-DK" sz="1400" dirty="0">
                <a:solidFill>
                  <a:schemeClr val="accent1"/>
                </a:solidFill>
              </a:rPr>
              <a:t>Øget velstand    </a:t>
            </a:r>
          </a:p>
        </p:txBody>
      </p:sp>
      <p:sp>
        <p:nvSpPr>
          <p:cNvPr id="171" name="TextBox 170">
            <a:extLst>
              <a:ext uri="{FF2B5EF4-FFF2-40B4-BE49-F238E27FC236}">
                <a16:creationId xmlns:a16="http://schemas.microsoft.com/office/drawing/2014/main" id="{392EE773-16FC-D842-45D6-93C661FB8EBD}"/>
              </a:ext>
            </a:extLst>
          </p:cNvPr>
          <p:cNvSpPr txBox="1"/>
          <p:nvPr/>
        </p:nvSpPr>
        <p:spPr>
          <a:xfrm>
            <a:off x="2580420" y="5703376"/>
            <a:ext cx="2805255" cy="215444"/>
          </a:xfrm>
          <a:prstGeom prst="rect">
            <a:avLst/>
          </a:prstGeom>
          <a:noFill/>
        </p:spPr>
        <p:txBody>
          <a:bodyPr wrap="none" lIns="0" tIns="0" rIns="0" bIns="0" rtlCol="0">
            <a:spAutoFit/>
          </a:bodyPr>
          <a:lstStyle/>
          <a:p>
            <a:pPr algn="l"/>
            <a:r>
              <a:rPr lang="da-DK" sz="1400" dirty="0">
                <a:solidFill>
                  <a:schemeClr val="accent1"/>
                </a:solidFill>
              </a:rPr>
              <a:t>Svækker det danske arbejdsmarked    </a:t>
            </a:r>
          </a:p>
        </p:txBody>
      </p:sp>
      <p:sp>
        <p:nvSpPr>
          <p:cNvPr id="174" name="TextBox 173">
            <a:extLst>
              <a:ext uri="{FF2B5EF4-FFF2-40B4-BE49-F238E27FC236}">
                <a16:creationId xmlns:a16="http://schemas.microsoft.com/office/drawing/2014/main" id="{AC57A6E5-7EE1-9ABC-6739-34BA3B90EB90}"/>
              </a:ext>
            </a:extLst>
          </p:cNvPr>
          <p:cNvSpPr txBox="1"/>
          <p:nvPr/>
        </p:nvSpPr>
        <p:spPr>
          <a:xfrm>
            <a:off x="674476" y="1068665"/>
            <a:ext cx="2358018" cy="215444"/>
          </a:xfrm>
          <a:prstGeom prst="rect">
            <a:avLst/>
          </a:prstGeom>
          <a:noFill/>
        </p:spPr>
        <p:txBody>
          <a:bodyPr wrap="none" lIns="0" tIns="0" rIns="0" bIns="0" rtlCol="0">
            <a:spAutoFit/>
          </a:bodyPr>
          <a:lstStyle/>
          <a:p>
            <a:pPr algn="l"/>
            <a:r>
              <a:rPr lang="da-DK" sz="1400" dirty="0">
                <a:solidFill>
                  <a:schemeClr val="accent1"/>
                </a:solidFill>
              </a:rPr>
              <a:t>Øget brug af verdens ressourcer</a:t>
            </a:r>
          </a:p>
        </p:txBody>
      </p:sp>
      <p:sp>
        <p:nvSpPr>
          <p:cNvPr id="175" name="TextBox 174">
            <a:extLst>
              <a:ext uri="{FF2B5EF4-FFF2-40B4-BE49-F238E27FC236}">
                <a16:creationId xmlns:a16="http://schemas.microsoft.com/office/drawing/2014/main" id="{C14E31CD-FEC3-BEE4-E85F-53ACE3EA0F08}"/>
              </a:ext>
            </a:extLst>
          </p:cNvPr>
          <p:cNvSpPr txBox="1"/>
          <p:nvPr/>
        </p:nvSpPr>
        <p:spPr>
          <a:xfrm>
            <a:off x="1722039" y="438846"/>
            <a:ext cx="3723776" cy="215444"/>
          </a:xfrm>
          <a:prstGeom prst="rect">
            <a:avLst/>
          </a:prstGeom>
          <a:noFill/>
        </p:spPr>
        <p:txBody>
          <a:bodyPr wrap="none" lIns="0" tIns="0" rIns="0" bIns="0" rtlCol="0">
            <a:spAutoFit/>
          </a:bodyPr>
          <a:lstStyle/>
          <a:p>
            <a:pPr algn="l"/>
            <a:r>
              <a:rPr lang="da-DK" sz="1400" dirty="0">
                <a:solidFill>
                  <a:schemeClr val="accent1"/>
                </a:solidFill>
              </a:rPr>
              <a:t>Behov for flere p-pladser / </a:t>
            </a:r>
            <a:r>
              <a:rPr lang="da-DK" sz="1400" dirty="0">
                <a:solidFill>
                  <a:schemeClr val="accent1">
                    <a:lumMod val="50000"/>
                    <a:lumOff val="50000"/>
                  </a:schemeClr>
                </a:solidFill>
              </a:rPr>
              <a:t>kampen om pladsen      </a:t>
            </a:r>
          </a:p>
        </p:txBody>
      </p:sp>
      <p:cxnSp>
        <p:nvCxnSpPr>
          <p:cNvPr id="177" name="Straight Arrow Connector 176">
            <a:extLst>
              <a:ext uri="{FF2B5EF4-FFF2-40B4-BE49-F238E27FC236}">
                <a16:creationId xmlns:a16="http://schemas.microsoft.com/office/drawing/2014/main" id="{9F7C17D7-F03A-72D0-C6C1-76C65EE19F07}"/>
              </a:ext>
            </a:extLst>
          </p:cNvPr>
          <p:cNvCxnSpPr>
            <a:cxnSpLocks/>
          </p:cNvCxnSpPr>
          <p:nvPr/>
        </p:nvCxnSpPr>
        <p:spPr>
          <a:xfrm flipV="1">
            <a:off x="2444451" y="3068110"/>
            <a:ext cx="949828" cy="14208"/>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81" name="Straight Arrow Connector 180">
            <a:extLst>
              <a:ext uri="{FF2B5EF4-FFF2-40B4-BE49-F238E27FC236}">
                <a16:creationId xmlns:a16="http://schemas.microsoft.com/office/drawing/2014/main" id="{822904FA-9156-3B9C-59DD-A1BBAA7F10C9}"/>
              </a:ext>
            </a:extLst>
          </p:cNvPr>
          <p:cNvCxnSpPr>
            <a:cxnSpLocks/>
            <a:endCxn id="15" idx="1"/>
          </p:cNvCxnSpPr>
          <p:nvPr/>
        </p:nvCxnSpPr>
        <p:spPr>
          <a:xfrm flipV="1">
            <a:off x="4081731" y="2119731"/>
            <a:ext cx="702006" cy="22081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84" name="Straight Arrow Connector 183">
            <a:extLst>
              <a:ext uri="{FF2B5EF4-FFF2-40B4-BE49-F238E27FC236}">
                <a16:creationId xmlns:a16="http://schemas.microsoft.com/office/drawing/2014/main" id="{719D0872-AB35-E892-921E-5F54DD39E579}"/>
              </a:ext>
            </a:extLst>
          </p:cNvPr>
          <p:cNvCxnSpPr>
            <a:cxnSpLocks/>
            <a:stCxn id="15" idx="0"/>
            <a:endCxn id="174" idx="3"/>
          </p:cNvCxnSpPr>
          <p:nvPr/>
        </p:nvCxnSpPr>
        <p:spPr>
          <a:xfrm flipH="1" flipV="1">
            <a:off x="3032494" y="1176387"/>
            <a:ext cx="2302676" cy="835622"/>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88" name="Straight Arrow Connector 187">
            <a:extLst>
              <a:ext uri="{FF2B5EF4-FFF2-40B4-BE49-F238E27FC236}">
                <a16:creationId xmlns:a16="http://schemas.microsoft.com/office/drawing/2014/main" id="{09503A51-0B18-1148-0DCE-6982CAA3DB48}"/>
              </a:ext>
            </a:extLst>
          </p:cNvPr>
          <p:cNvCxnSpPr>
            <a:cxnSpLocks/>
            <a:stCxn id="15" idx="0"/>
            <a:endCxn id="175" idx="2"/>
          </p:cNvCxnSpPr>
          <p:nvPr/>
        </p:nvCxnSpPr>
        <p:spPr>
          <a:xfrm flipH="1" flipV="1">
            <a:off x="3583927" y="654290"/>
            <a:ext cx="1751243" cy="1357719"/>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94" name="Straight Arrow Connector 193">
            <a:extLst>
              <a:ext uri="{FF2B5EF4-FFF2-40B4-BE49-F238E27FC236}">
                <a16:creationId xmlns:a16="http://schemas.microsoft.com/office/drawing/2014/main" id="{F82EE7C8-DBE8-EF8F-9DE5-1B23B50A0A1E}"/>
              </a:ext>
            </a:extLst>
          </p:cNvPr>
          <p:cNvCxnSpPr>
            <a:cxnSpLocks/>
            <a:stCxn id="144" idx="2"/>
          </p:cNvCxnSpPr>
          <p:nvPr/>
        </p:nvCxnSpPr>
        <p:spPr>
          <a:xfrm>
            <a:off x="1970542" y="2072959"/>
            <a:ext cx="1404530" cy="92394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220" name="Straight Arrow Connector 219">
            <a:extLst>
              <a:ext uri="{FF2B5EF4-FFF2-40B4-BE49-F238E27FC236}">
                <a16:creationId xmlns:a16="http://schemas.microsoft.com/office/drawing/2014/main" id="{2253FADA-EA10-4FEC-A11A-A90DA8D2F671}"/>
              </a:ext>
            </a:extLst>
          </p:cNvPr>
          <p:cNvCxnSpPr>
            <a:cxnSpLocks/>
          </p:cNvCxnSpPr>
          <p:nvPr/>
        </p:nvCxnSpPr>
        <p:spPr>
          <a:xfrm flipH="1" flipV="1">
            <a:off x="5320017" y="5876053"/>
            <a:ext cx="543752" cy="110754"/>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224" name="Straight Arrow Connector 223">
            <a:extLst>
              <a:ext uri="{FF2B5EF4-FFF2-40B4-BE49-F238E27FC236}">
                <a16:creationId xmlns:a16="http://schemas.microsoft.com/office/drawing/2014/main" id="{63520E45-C929-B515-98DC-2C596BDA227B}"/>
              </a:ext>
            </a:extLst>
          </p:cNvPr>
          <p:cNvCxnSpPr>
            <a:cxnSpLocks/>
            <a:stCxn id="68" idx="0"/>
            <a:endCxn id="65" idx="2"/>
          </p:cNvCxnSpPr>
          <p:nvPr/>
        </p:nvCxnSpPr>
        <p:spPr>
          <a:xfrm flipH="1" flipV="1">
            <a:off x="10127304" y="5206222"/>
            <a:ext cx="11190" cy="1151173"/>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227" name="Straight Arrow Connector 226">
            <a:extLst>
              <a:ext uri="{FF2B5EF4-FFF2-40B4-BE49-F238E27FC236}">
                <a16:creationId xmlns:a16="http://schemas.microsoft.com/office/drawing/2014/main" id="{D510CF5D-3C75-5221-A666-1207B090170C}"/>
              </a:ext>
            </a:extLst>
          </p:cNvPr>
          <p:cNvCxnSpPr>
            <a:cxnSpLocks/>
            <a:stCxn id="4" idx="3"/>
          </p:cNvCxnSpPr>
          <p:nvPr/>
        </p:nvCxnSpPr>
        <p:spPr>
          <a:xfrm>
            <a:off x="8587273" y="3069731"/>
            <a:ext cx="1160276" cy="12587"/>
          </a:xfrm>
          <a:prstGeom prst="straightConnector1">
            <a:avLst/>
          </a:prstGeom>
          <a:ln>
            <a:headEnd type="triangle"/>
            <a:tailEnd type="triangle"/>
          </a:ln>
        </p:spPr>
        <p:style>
          <a:lnRef idx="1">
            <a:schemeClr val="dk1"/>
          </a:lnRef>
          <a:fillRef idx="0">
            <a:schemeClr val="dk1"/>
          </a:fillRef>
          <a:effectRef idx="0">
            <a:schemeClr val="dk1"/>
          </a:effectRef>
          <a:fontRef idx="minor">
            <a:schemeClr val="tx1"/>
          </a:fontRef>
        </p:style>
      </p:cxnSp>
      <p:cxnSp>
        <p:nvCxnSpPr>
          <p:cNvPr id="13" name="Straight Arrow Connector 12">
            <a:extLst>
              <a:ext uri="{FF2B5EF4-FFF2-40B4-BE49-F238E27FC236}">
                <a16:creationId xmlns:a16="http://schemas.microsoft.com/office/drawing/2014/main" id="{C1088E2D-62BB-DB45-012F-E2D3473B05EF}"/>
              </a:ext>
            </a:extLst>
          </p:cNvPr>
          <p:cNvCxnSpPr>
            <a:cxnSpLocks/>
            <a:stCxn id="16" idx="2"/>
            <a:endCxn id="4" idx="0"/>
          </p:cNvCxnSpPr>
          <p:nvPr/>
        </p:nvCxnSpPr>
        <p:spPr>
          <a:xfrm flipH="1">
            <a:off x="7666348" y="2162235"/>
            <a:ext cx="26840" cy="76899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25" name="Straight Arrow Connector 24">
            <a:extLst>
              <a:ext uri="{FF2B5EF4-FFF2-40B4-BE49-F238E27FC236}">
                <a16:creationId xmlns:a16="http://schemas.microsoft.com/office/drawing/2014/main" id="{82F917BD-FCF4-5082-DF52-BBE7D9253918}"/>
              </a:ext>
            </a:extLst>
          </p:cNvPr>
          <p:cNvCxnSpPr>
            <a:cxnSpLocks/>
            <a:stCxn id="67" idx="2"/>
            <a:endCxn id="139" idx="0"/>
          </p:cNvCxnSpPr>
          <p:nvPr/>
        </p:nvCxnSpPr>
        <p:spPr>
          <a:xfrm>
            <a:off x="5558789" y="5490783"/>
            <a:ext cx="1801709" cy="503711"/>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40" name="Straight Arrow Connector 39">
            <a:extLst>
              <a:ext uri="{FF2B5EF4-FFF2-40B4-BE49-F238E27FC236}">
                <a16:creationId xmlns:a16="http://schemas.microsoft.com/office/drawing/2014/main" id="{D934CA73-1690-1346-4308-5716873E08AE}"/>
              </a:ext>
            </a:extLst>
          </p:cNvPr>
          <p:cNvCxnSpPr>
            <a:cxnSpLocks/>
            <a:stCxn id="63" idx="2"/>
            <a:endCxn id="64" idx="0"/>
          </p:cNvCxnSpPr>
          <p:nvPr/>
        </p:nvCxnSpPr>
        <p:spPr>
          <a:xfrm flipH="1">
            <a:off x="9751079" y="3698409"/>
            <a:ext cx="774681" cy="338139"/>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45" name="Straight Arrow Connector 44">
            <a:extLst>
              <a:ext uri="{FF2B5EF4-FFF2-40B4-BE49-F238E27FC236}">
                <a16:creationId xmlns:a16="http://schemas.microsoft.com/office/drawing/2014/main" id="{DD702345-7797-B088-4C35-BD7C91A30784}"/>
              </a:ext>
            </a:extLst>
          </p:cNvPr>
          <p:cNvCxnSpPr>
            <a:cxnSpLocks/>
            <a:endCxn id="66" idx="3"/>
          </p:cNvCxnSpPr>
          <p:nvPr/>
        </p:nvCxnSpPr>
        <p:spPr>
          <a:xfrm flipH="1">
            <a:off x="6920973" y="4293832"/>
            <a:ext cx="1263966" cy="391581"/>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49" name="Straight Arrow Connector 48">
            <a:extLst>
              <a:ext uri="{FF2B5EF4-FFF2-40B4-BE49-F238E27FC236}">
                <a16:creationId xmlns:a16="http://schemas.microsoft.com/office/drawing/2014/main" id="{586DC8B1-2BA7-37B9-08AA-110482355CEC}"/>
              </a:ext>
            </a:extLst>
          </p:cNvPr>
          <p:cNvCxnSpPr>
            <a:cxnSpLocks/>
            <a:stCxn id="65" idx="1"/>
            <a:endCxn id="128" idx="3"/>
          </p:cNvCxnSpPr>
          <p:nvPr/>
        </p:nvCxnSpPr>
        <p:spPr>
          <a:xfrm flipH="1" flipV="1">
            <a:off x="2220617" y="5023024"/>
            <a:ext cx="6677184" cy="7547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Tree>
    <p:extLst>
      <p:ext uri="{BB962C8B-B14F-4D97-AF65-F5344CB8AC3E}">
        <p14:creationId xmlns:p14="http://schemas.microsoft.com/office/powerpoint/2010/main" val="175104057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17035B0-D829-8F73-1CBB-C42140663DDB}"/>
              </a:ext>
            </a:extLst>
          </p:cNvPr>
          <p:cNvSpPr>
            <a:spLocks noGrp="1"/>
          </p:cNvSpPr>
          <p:nvPr>
            <p:ph type="title"/>
          </p:nvPr>
        </p:nvSpPr>
        <p:spPr>
          <a:xfrm>
            <a:off x="648000" y="648000"/>
            <a:ext cx="10897200" cy="533100"/>
          </a:xfrm>
        </p:spPr>
        <p:txBody>
          <a:bodyPr anchor="t">
            <a:normAutofit/>
          </a:bodyPr>
          <a:lstStyle/>
          <a:p>
            <a:r>
              <a:rPr lang="da-DK" dirty="0"/>
              <a:t>I Sverige går det kun én vej</a:t>
            </a:r>
          </a:p>
        </p:txBody>
      </p:sp>
      <p:sp>
        <p:nvSpPr>
          <p:cNvPr id="38" name="Subtitle 2">
            <a:extLst>
              <a:ext uri="{FF2B5EF4-FFF2-40B4-BE49-F238E27FC236}">
                <a16:creationId xmlns:a16="http://schemas.microsoft.com/office/drawing/2014/main" id="{4CEB4593-21A6-0B9C-0C5E-8C3CF33DC752}"/>
              </a:ext>
            </a:extLst>
          </p:cNvPr>
          <p:cNvSpPr>
            <a:spLocks noGrp="1"/>
          </p:cNvSpPr>
          <p:nvPr>
            <p:ph type="subTitle" idx="13"/>
          </p:nvPr>
        </p:nvSpPr>
        <p:spPr>
          <a:xfrm>
            <a:off x="648000" y="1184400"/>
            <a:ext cx="10897200" cy="370800"/>
          </a:xfrm>
        </p:spPr>
        <p:txBody>
          <a:bodyPr/>
          <a:lstStyle/>
          <a:p>
            <a:r>
              <a:rPr lang="en-US" dirty="0"/>
              <a:t>Sverige </a:t>
            </a:r>
            <a:r>
              <a:rPr lang="en-US" dirty="0" err="1"/>
              <a:t>har</a:t>
            </a:r>
            <a:r>
              <a:rPr lang="en-US" dirty="0"/>
              <a:t> </a:t>
            </a:r>
            <a:r>
              <a:rPr lang="en-US" dirty="0" err="1"/>
              <a:t>opstillet</a:t>
            </a:r>
            <a:r>
              <a:rPr lang="en-US" dirty="0"/>
              <a:t> </a:t>
            </a:r>
            <a:r>
              <a:rPr lang="en-US" dirty="0" err="1"/>
              <a:t>målsætninger</a:t>
            </a:r>
            <a:r>
              <a:rPr lang="en-US" dirty="0"/>
              <a:t> for den kollektive trafik </a:t>
            </a:r>
          </a:p>
        </p:txBody>
      </p:sp>
      <p:pic>
        <p:nvPicPr>
          <p:cNvPr id="7" name="Picture 6" descr="A graph of a graph&#10;&#10;Description automatically generated with medium confidence">
            <a:extLst>
              <a:ext uri="{FF2B5EF4-FFF2-40B4-BE49-F238E27FC236}">
                <a16:creationId xmlns:a16="http://schemas.microsoft.com/office/drawing/2014/main" id="{ED7101A1-11ED-BBAA-3D7D-480B7D7206F3}"/>
              </a:ext>
            </a:extLst>
          </p:cNvPr>
          <p:cNvPicPr>
            <a:picLocks noChangeAspect="1"/>
          </p:cNvPicPr>
          <p:nvPr/>
        </p:nvPicPr>
        <p:blipFill>
          <a:blip r:embed="rId3"/>
          <a:srcRect l="8013" r="-2" b="-2"/>
          <a:stretch/>
        </p:blipFill>
        <p:spPr>
          <a:xfrm>
            <a:off x="6487199" y="1944000"/>
            <a:ext cx="4973685" cy="3487476"/>
          </a:xfrm>
          <a:prstGeom prst="rect">
            <a:avLst/>
          </a:prstGeom>
          <a:noFill/>
        </p:spPr>
      </p:pic>
      <p:sp>
        <p:nvSpPr>
          <p:cNvPr id="39" name="Text Placeholder 5">
            <a:extLst>
              <a:ext uri="{FF2B5EF4-FFF2-40B4-BE49-F238E27FC236}">
                <a16:creationId xmlns:a16="http://schemas.microsoft.com/office/drawing/2014/main" id="{8EB012E2-5695-9981-A2C5-8D3FF6304559}"/>
              </a:ext>
            </a:extLst>
          </p:cNvPr>
          <p:cNvSpPr>
            <a:spLocks noGrp="1"/>
          </p:cNvSpPr>
          <p:nvPr>
            <p:ph type="body" sz="quarter" idx="17"/>
          </p:nvPr>
        </p:nvSpPr>
        <p:spPr>
          <a:xfrm>
            <a:off x="6096000" y="5431476"/>
            <a:ext cx="5331090" cy="242124"/>
          </a:xfrm>
        </p:spPr>
        <p:txBody>
          <a:bodyPr/>
          <a:lstStyle/>
          <a:p>
            <a:r>
              <a:rPr lang="en-US" sz="1050" dirty="0" err="1"/>
              <a:t>Udvikling</a:t>
            </a:r>
            <a:r>
              <a:rPr lang="en-US" sz="1050" dirty="0"/>
              <a:t> i </a:t>
            </a:r>
            <a:r>
              <a:rPr lang="en-US" sz="1050" dirty="0" err="1"/>
              <a:t>antal</a:t>
            </a:r>
            <a:r>
              <a:rPr lang="en-US" sz="1050" dirty="0"/>
              <a:t> </a:t>
            </a:r>
            <a:r>
              <a:rPr lang="en-US" sz="1050" dirty="0" err="1"/>
              <a:t>rejser</a:t>
            </a:r>
            <a:r>
              <a:rPr lang="en-US" sz="1050" dirty="0"/>
              <a:t> med </a:t>
            </a:r>
            <a:r>
              <a:rPr lang="en-US" sz="1050" dirty="0" err="1"/>
              <a:t>kollektiv</a:t>
            </a:r>
            <a:r>
              <a:rPr lang="en-US" sz="1050" dirty="0"/>
              <a:t> transport i </a:t>
            </a:r>
            <a:r>
              <a:rPr lang="en-US" sz="1050" dirty="0" err="1"/>
              <a:t>Skåneområdet</a:t>
            </a:r>
            <a:r>
              <a:rPr lang="en-US" sz="1050" dirty="0"/>
              <a:t> </a:t>
            </a:r>
            <a:r>
              <a:rPr lang="en-US" sz="1050" dirty="0" err="1"/>
              <a:t>fra</a:t>
            </a:r>
            <a:r>
              <a:rPr lang="en-US" sz="1050" dirty="0"/>
              <a:t> </a:t>
            </a:r>
            <a:r>
              <a:rPr lang="en-US" sz="1050" dirty="0" err="1"/>
              <a:t>regionens</a:t>
            </a:r>
            <a:r>
              <a:rPr lang="en-US" sz="1050" dirty="0"/>
              <a:t> </a:t>
            </a:r>
            <a:r>
              <a:rPr lang="en-US" sz="1050" dirty="0" err="1"/>
              <a:t>dannelse</a:t>
            </a:r>
            <a:r>
              <a:rPr lang="en-US" sz="1050" dirty="0"/>
              <a:t> </a:t>
            </a:r>
            <a:r>
              <a:rPr lang="en-US" sz="1050" dirty="0" err="1"/>
              <a:t>i</a:t>
            </a:r>
            <a:r>
              <a:rPr lang="en-US" sz="1050" dirty="0"/>
              <a:t> 1999</a:t>
            </a:r>
          </a:p>
        </p:txBody>
      </p:sp>
      <p:sp>
        <p:nvSpPr>
          <p:cNvPr id="37" name="Text Placeholder 6">
            <a:extLst>
              <a:ext uri="{FF2B5EF4-FFF2-40B4-BE49-F238E27FC236}">
                <a16:creationId xmlns:a16="http://schemas.microsoft.com/office/drawing/2014/main" id="{28EAB2C3-0B75-27DE-0CB3-2FE5480C55E8}"/>
              </a:ext>
            </a:extLst>
          </p:cNvPr>
          <p:cNvSpPr>
            <a:spLocks noGrp="1"/>
          </p:cNvSpPr>
          <p:nvPr>
            <p:ph type="body" sz="quarter" idx="18"/>
          </p:nvPr>
        </p:nvSpPr>
        <p:spPr>
          <a:xfrm>
            <a:off x="648000" y="5431476"/>
            <a:ext cx="5061600" cy="290332"/>
          </a:xfrm>
        </p:spPr>
        <p:txBody>
          <a:bodyPr/>
          <a:lstStyle/>
          <a:p>
            <a:r>
              <a:rPr lang="en-US" sz="1100" dirty="0"/>
              <a:t>Den </a:t>
            </a:r>
            <a:r>
              <a:rPr lang="en-US" sz="1100" dirty="0" err="1"/>
              <a:t>samlede</a:t>
            </a:r>
            <a:r>
              <a:rPr lang="en-US" sz="1100" dirty="0"/>
              <a:t> </a:t>
            </a:r>
            <a:r>
              <a:rPr lang="en-US" sz="1100" dirty="0" err="1"/>
              <a:t>markedsandel</a:t>
            </a:r>
            <a:r>
              <a:rPr lang="en-US" sz="1100" dirty="0"/>
              <a:t> </a:t>
            </a:r>
            <a:r>
              <a:rPr lang="en-US" sz="1100" dirty="0" err="1"/>
              <a:t>af</a:t>
            </a:r>
            <a:r>
              <a:rPr lang="en-US" sz="1100" dirty="0"/>
              <a:t> </a:t>
            </a:r>
            <a:r>
              <a:rPr lang="en-US" sz="1100" dirty="0" err="1"/>
              <a:t>kollektiv</a:t>
            </a:r>
            <a:r>
              <a:rPr lang="en-US" sz="1100" dirty="0"/>
              <a:t> transport for </a:t>
            </a:r>
            <a:r>
              <a:rPr lang="en-US" sz="1100" dirty="0" err="1"/>
              <a:t>motoriserede</a:t>
            </a:r>
            <a:r>
              <a:rPr lang="en-US" sz="1100" dirty="0"/>
              <a:t> </a:t>
            </a:r>
            <a:r>
              <a:rPr lang="en-US" sz="1100" dirty="0" err="1"/>
              <a:t>køretøjer</a:t>
            </a:r>
            <a:r>
              <a:rPr lang="en-US" sz="1100" dirty="0"/>
              <a:t> </a:t>
            </a:r>
            <a:r>
              <a:rPr lang="en-US" sz="1100" dirty="0" err="1"/>
              <a:t>i</a:t>
            </a:r>
            <a:r>
              <a:rPr lang="en-US" sz="1100" dirty="0"/>
              <a:t> Sverige</a:t>
            </a:r>
          </a:p>
        </p:txBody>
      </p:sp>
      <p:pic>
        <p:nvPicPr>
          <p:cNvPr id="17" name="Picture 16">
            <a:extLst>
              <a:ext uri="{FF2B5EF4-FFF2-40B4-BE49-F238E27FC236}">
                <a16:creationId xmlns:a16="http://schemas.microsoft.com/office/drawing/2014/main" id="{45740404-BD8A-06BC-4C7A-67EE00FA56B0}"/>
              </a:ext>
            </a:extLst>
          </p:cNvPr>
          <p:cNvPicPr>
            <a:picLocks noChangeAspect="1"/>
          </p:cNvPicPr>
          <p:nvPr/>
        </p:nvPicPr>
        <p:blipFill>
          <a:blip r:embed="rId4"/>
          <a:stretch>
            <a:fillRect/>
          </a:stretch>
        </p:blipFill>
        <p:spPr>
          <a:xfrm>
            <a:off x="691957" y="1944000"/>
            <a:ext cx="4973685" cy="3393911"/>
          </a:xfrm>
          <a:prstGeom prst="rect">
            <a:avLst/>
          </a:prstGeom>
        </p:spPr>
      </p:pic>
    </p:spTree>
    <p:extLst>
      <p:ext uri="{BB962C8B-B14F-4D97-AF65-F5344CB8AC3E}">
        <p14:creationId xmlns:p14="http://schemas.microsoft.com/office/powerpoint/2010/main" val="795067334"/>
      </p:ext>
    </p:extLst>
  </p:cSld>
  <p:clrMapOvr>
    <a:masterClrMapping/>
  </p:clrMapOvr>
</p:sld>
</file>

<file path=ppt/theme/theme1.xml><?xml version="1.0" encoding="utf-8"?>
<a:theme xmlns:a="http://schemas.openxmlformats.org/drawingml/2006/main" name="Dansk Industri">
  <a:themeElements>
    <a:clrScheme name="DI Corporate 2023">
      <a:dk1>
        <a:srgbClr val="000000"/>
      </a:dk1>
      <a:lt1>
        <a:srgbClr val="FFFFFF"/>
      </a:lt1>
      <a:dk2>
        <a:srgbClr val="38025C"/>
      </a:dk2>
      <a:lt2>
        <a:srgbClr val="F7F5FF"/>
      </a:lt2>
      <a:accent1>
        <a:srgbClr val="38025C"/>
      </a:accent1>
      <a:accent2>
        <a:srgbClr val="A7A4E0"/>
      </a:accent2>
      <a:accent3>
        <a:srgbClr val="7D55C7"/>
      </a:accent3>
      <a:accent4>
        <a:srgbClr val="3B383D"/>
      </a:accent4>
      <a:accent5>
        <a:srgbClr val="646266"/>
      </a:accent5>
      <a:accent6>
        <a:srgbClr val="BDBDBD"/>
      </a:accent6>
      <a:hlink>
        <a:srgbClr val="7D55C7"/>
      </a:hlink>
      <a:folHlink>
        <a:srgbClr val="A7A4E0"/>
      </a:folHlink>
    </a:clrScheme>
    <a:fontScheme name="Dansk Industri 2023">
      <a:majorFont>
        <a:latin typeface="DI Display Office"/>
        <a:ea typeface=""/>
        <a:cs typeface=""/>
      </a:majorFont>
      <a:minorFont>
        <a:latin typeface="DI Sans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w="15875">
          <a:solidFill>
            <a:schemeClr val="accent1"/>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15875">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2000" dirty="0" err="1" smtClean="0">
            <a:solidFill>
              <a:schemeClr val="accent1"/>
            </a:solidFill>
          </a:defRPr>
        </a:defPPr>
      </a:lstStyle>
    </a:txDef>
  </a:objectDefaults>
  <a:extraClrSchemeLst/>
  <a:custClrLst>
    <a:custClr name="Off White Background">
      <a:srgbClr val="F7F5FF"/>
    </a:custClr>
    <a:custClr name="Dark Purple 500">
      <a:srgbClr val="38025C"/>
    </a:custClr>
    <a:custClr name="Dark Purple 400">
      <a:srgbClr val="60347C"/>
    </a:custClr>
    <a:custClr name="Light Purple 500">
      <a:srgbClr val="A7A4E0"/>
    </a:custClr>
    <a:custClr name="Light Purple 400">
      <a:srgbClr val="B9B6E6"/>
    </a:custClr>
    <a:custClr name="Vibrant Purple 500">
      <a:srgbClr val="7D55C7"/>
    </a:custClr>
    <a:custClr name="Vibrant Purple 400">
      <a:srgbClr val="9777D2"/>
    </a:custClr>
    <a:custClr name="Dark Grey">
      <a:srgbClr val="3B383D"/>
    </a:custClr>
    <a:custClr name="Vibrant Grey">
      <a:srgbClr val="646266"/>
    </a:custClr>
    <a:custClr name="Light Grey">
      <a:srgbClr val="BDBDBD"/>
    </a:custClr>
    <a:custClr name="Dark Aqua 500">
      <a:srgbClr val="004851"/>
    </a:custClr>
    <a:custClr name="Dark Aqua 400">
      <a:srgbClr val="336D74"/>
    </a:custClr>
    <a:custClr name="Vibrant Aqua 500">
      <a:srgbClr val="00AB8E"/>
    </a:custClr>
    <a:custClr name="Vibrant Aqua 400">
      <a:srgbClr val="33BCA5"/>
    </a:custClr>
    <a:custClr name="Light Aqua 500">
      <a:srgbClr val="88DBDF"/>
    </a:custClr>
    <a:custClr name="Light Aqua 400">
      <a:srgbClr val="A0E2E5"/>
    </a:custClr>
    <a:custClr name="Dark Blue 500">
      <a:srgbClr val="002B49"/>
    </a:custClr>
    <a:custClr name="Dark Blue 400">
      <a:srgbClr val="33556D"/>
    </a:custClr>
    <a:custClr name="Vibrant Blue 500">
      <a:srgbClr val="007096"/>
    </a:custClr>
    <a:custClr name="Vibrant Blue 400">
      <a:srgbClr val="338DAB"/>
    </a:custClr>
    <a:custClr name="Light Blue 500">
      <a:srgbClr val="8DC8E8"/>
    </a:custClr>
    <a:custClr name="Light Blue 400">
      <a:srgbClr val="A4D3ED"/>
    </a:custClr>
    <a:custClr name="Dark Red 500">
      <a:srgbClr val="70273D"/>
    </a:custClr>
    <a:custClr name="Dark Red 400">
      <a:srgbClr val="8D5264"/>
    </a:custClr>
    <a:custClr name="Vibrant Red 500">
      <a:srgbClr val="D22730"/>
    </a:custClr>
    <a:custClr name="Vibrant Red 400">
      <a:srgbClr val="DB5259"/>
    </a:custClr>
    <a:custClr name="Light Red 500">
      <a:srgbClr val="EAB8E4"/>
    </a:custClr>
    <a:custClr name="Light Red 400">
      <a:srgbClr val="EEC6E9"/>
    </a:custClr>
    <a:custClr name="Dark Green 500">
      <a:srgbClr val="284734"/>
    </a:custClr>
    <a:custClr name="Dark Green 400">
      <a:srgbClr val="536C5D"/>
    </a:custClr>
    <a:custClr name="Vibrant Green 500">
      <a:srgbClr val="56C271"/>
    </a:custClr>
    <a:custClr name="Vibrant Green 400">
      <a:srgbClr val="78CE8D"/>
    </a:custClr>
    <a:custClr name="Light Green 500">
      <a:srgbClr val="BCE194"/>
    </a:custClr>
    <a:custClr name="Light Green 400">
      <a:srgbClr val="C9E7A9"/>
    </a:custClr>
    <a:custClr name="Dark Orange 500">
      <a:srgbClr val="B33D26"/>
    </a:custClr>
    <a:custClr name="Dark Orange 400">
      <a:srgbClr val="C2645B"/>
    </a:custClr>
    <a:custClr name="Vibrant Orange 500 ">
      <a:srgbClr val="F68D2E"/>
    </a:custClr>
    <a:custClr name="Vibrant Orange 400 ">
      <a:srgbClr val="F8A458"/>
    </a:custClr>
    <a:custClr name="Light Orange 500">
      <a:srgbClr val="FCC89B"/>
    </a:custClr>
    <a:custClr name="Light Orange 400">
      <a:srgbClr val="FDD3AF"/>
    </a:custClr>
  </a:custClrLst>
  <a:extLst>
    <a:ext uri="{05A4C25C-085E-4340-85A3-A5531E510DB2}">
      <thm15:themeFamily xmlns:thm15="http://schemas.microsoft.com/office/thememl/2012/main" name="Dansk Industri skabelon 26092023.potx" id="{3C28A6E1-96D6-433D-BB60-F71FBB51FFE4}" vid="{483A7468-37FB-4E26-BAB9-376083A873F9}"/>
    </a:ext>
  </a:extLst>
</a:theme>
</file>

<file path=ppt/theme/theme2.xml><?xml version="1.0" encoding="utf-8"?>
<a:theme xmlns:a="http://schemas.openxmlformats.org/drawingml/2006/main" name="1_Dansk Industri">
  <a:themeElements>
    <a:clrScheme name="DI Corporate 2023">
      <a:dk1>
        <a:srgbClr val="000000"/>
      </a:dk1>
      <a:lt1>
        <a:srgbClr val="FFFFFF"/>
      </a:lt1>
      <a:dk2>
        <a:srgbClr val="38025C"/>
      </a:dk2>
      <a:lt2>
        <a:srgbClr val="F7F5FF"/>
      </a:lt2>
      <a:accent1>
        <a:srgbClr val="38025C"/>
      </a:accent1>
      <a:accent2>
        <a:srgbClr val="A7A4E0"/>
      </a:accent2>
      <a:accent3>
        <a:srgbClr val="7D55C7"/>
      </a:accent3>
      <a:accent4>
        <a:srgbClr val="3B383D"/>
      </a:accent4>
      <a:accent5>
        <a:srgbClr val="646266"/>
      </a:accent5>
      <a:accent6>
        <a:srgbClr val="BDBDBD"/>
      </a:accent6>
      <a:hlink>
        <a:srgbClr val="7D55C7"/>
      </a:hlink>
      <a:folHlink>
        <a:srgbClr val="A7A4E0"/>
      </a:folHlink>
    </a:clrScheme>
    <a:fontScheme name="Dansk Industri 2023">
      <a:majorFont>
        <a:latin typeface="DI Display Office"/>
        <a:ea typeface=""/>
        <a:cs typeface=""/>
      </a:majorFont>
      <a:minorFont>
        <a:latin typeface="DI Sans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w="15875">
          <a:solidFill>
            <a:schemeClr val="accent1"/>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15875">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2000" dirty="0" err="1" smtClean="0">
            <a:solidFill>
              <a:schemeClr val="accent1"/>
            </a:solidFill>
          </a:defRPr>
        </a:defPPr>
      </a:lstStyle>
    </a:txDef>
  </a:objectDefaults>
  <a:extraClrSchemeLst/>
  <a:custClrLst>
    <a:custClr name="Off White Background">
      <a:srgbClr val="F7F5FF"/>
    </a:custClr>
    <a:custClr name="Dark Purple 500">
      <a:srgbClr val="38025C"/>
    </a:custClr>
    <a:custClr name="Dark Purple 400">
      <a:srgbClr val="60347C"/>
    </a:custClr>
    <a:custClr name="Light Purple 500">
      <a:srgbClr val="A7A4E0"/>
    </a:custClr>
    <a:custClr name="Light Purple 400">
      <a:srgbClr val="B9B6E6"/>
    </a:custClr>
    <a:custClr name="Vibrant Purple 500">
      <a:srgbClr val="7D55C7"/>
    </a:custClr>
    <a:custClr name="Vibrant Purple 400">
      <a:srgbClr val="9777D2"/>
    </a:custClr>
    <a:custClr name="Dark Grey">
      <a:srgbClr val="3B383D"/>
    </a:custClr>
    <a:custClr name="Vibrant Grey">
      <a:srgbClr val="646266"/>
    </a:custClr>
    <a:custClr name="Light Grey">
      <a:srgbClr val="BDBDBD"/>
    </a:custClr>
    <a:custClr name="Dark Aqua 500">
      <a:srgbClr val="004851"/>
    </a:custClr>
    <a:custClr name="Dark Aqua 400">
      <a:srgbClr val="336D74"/>
    </a:custClr>
    <a:custClr name="Vibrant Aqua 500">
      <a:srgbClr val="00AB8E"/>
    </a:custClr>
    <a:custClr name="Vibrant Aqua 400">
      <a:srgbClr val="33BCA5"/>
    </a:custClr>
    <a:custClr name="Light Aqua 500">
      <a:srgbClr val="88DBDF"/>
    </a:custClr>
    <a:custClr name="Light Aqua 400">
      <a:srgbClr val="A0E2E5"/>
    </a:custClr>
    <a:custClr name="Dark Blue 500">
      <a:srgbClr val="002B49"/>
    </a:custClr>
    <a:custClr name="Dark Blue 400">
      <a:srgbClr val="33556D"/>
    </a:custClr>
    <a:custClr name="Vibrant Blue 500">
      <a:srgbClr val="007096"/>
    </a:custClr>
    <a:custClr name="Vibrant Blue 400">
      <a:srgbClr val="338DAB"/>
    </a:custClr>
    <a:custClr name="Light Blue 500">
      <a:srgbClr val="8DC8E8"/>
    </a:custClr>
    <a:custClr name="Light Blue 400">
      <a:srgbClr val="A4D3ED"/>
    </a:custClr>
    <a:custClr name="Dark Red 500">
      <a:srgbClr val="70273D"/>
    </a:custClr>
    <a:custClr name="Dark Red 400">
      <a:srgbClr val="8D5264"/>
    </a:custClr>
    <a:custClr name="Vibrant Red 500">
      <a:srgbClr val="D22730"/>
    </a:custClr>
    <a:custClr name="Vibrant Red 400">
      <a:srgbClr val="DB5259"/>
    </a:custClr>
    <a:custClr name="Light Red 500">
      <a:srgbClr val="EAB8E4"/>
    </a:custClr>
    <a:custClr name="Light Red 400">
      <a:srgbClr val="EEC6E9"/>
    </a:custClr>
    <a:custClr name="Dark Green 500">
      <a:srgbClr val="284734"/>
    </a:custClr>
    <a:custClr name="Dark Green 400">
      <a:srgbClr val="536C5D"/>
    </a:custClr>
    <a:custClr name="Vibrant Green 500">
      <a:srgbClr val="56C271"/>
    </a:custClr>
    <a:custClr name="Vibrant Green 400">
      <a:srgbClr val="78CE8D"/>
    </a:custClr>
    <a:custClr name="Light Green 500">
      <a:srgbClr val="BCE194"/>
    </a:custClr>
    <a:custClr name="Light Green 400">
      <a:srgbClr val="C9E7A9"/>
    </a:custClr>
    <a:custClr name="Dark Orange 500">
      <a:srgbClr val="B33D26"/>
    </a:custClr>
    <a:custClr name="Dark Orange 400">
      <a:srgbClr val="C2645B"/>
    </a:custClr>
    <a:custClr name="Vibrant Orange 500 ">
      <a:srgbClr val="F68D2E"/>
    </a:custClr>
    <a:custClr name="Vibrant Orange 400 ">
      <a:srgbClr val="F8A458"/>
    </a:custClr>
    <a:custClr name="Light Orange 500">
      <a:srgbClr val="FCC89B"/>
    </a:custClr>
    <a:custClr name="Light Orange 400">
      <a:srgbClr val="FDD3AF"/>
    </a:custClr>
  </a:custClrLst>
  <a:extLst>
    <a:ext uri="{05A4C25C-085E-4340-85A3-A5531E510DB2}">
      <thm15:themeFamily xmlns:thm15="http://schemas.microsoft.com/office/thememl/2012/main" name="Dansk Industri skabelon 26092023.potx" id="{3C28A6E1-96D6-433D-BB60-F71FBB51FFE4}" vid="{483A7468-37FB-4E26-BAB9-376083A873F9}"/>
    </a:ext>
  </a:extLst>
</a:theme>
</file>

<file path=ppt/theme/theme3.xml><?xml version="1.0" encoding="utf-8"?>
<a:theme xmlns:a="http://schemas.openxmlformats.org/drawingml/2006/main" name="Office-tema">
  <a:themeElements>
    <a:clrScheme name="DI Corporate 2023">
      <a:dk1>
        <a:srgbClr val="000000"/>
      </a:dk1>
      <a:lt1>
        <a:srgbClr val="FFFFFF"/>
      </a:lt1>
      <a:dk2>
        <a:srgbClr val="38025C"/>
      </a:dk2>
      <a:lt2>
        <a:srgbClr val="F7F5FF"/>
      </a:lt2>
      <a:accent1>
        <a:srgbClr val="38025C"/>
      </a:accent1>
      <a:accent2>
        <a:srgbClr val="A7A4E0"/>
      </a:accent2>
      <a:accent3>
        <a:srgbClr val="7D55C7"/>
      </a:accent3>
      <a:accent4>
        <a:srgbClr val="3B383D"/>
      </a:accent4>
      <a:accent5>
        <a:srgbClr val="646266"/>
      </a:accent5>
      <a:accent6>
        <a:srgbClr val="BDBDBD"/>
      </a:accent6>
      <a:hlink>
        <a:srgbClr val="7D55C7"/>
      </a:hlink>
      <a:folHlink>
        <a:srgbClr val="A7A4E0"/>
      </a:folHlink>
    </a:clrScheme>
    <a:fontScheme name="Dansk Industri 2023">
      <a:majorFont>
        <a:latin typeface="DI Display Office"/>
        <a:ea typeface=""/>
        <a:cs typeface=""/>
      </a:majorFont>
      <a:minorFont>
        <a:latin typeface="DI Sans Office"/>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Off White Background">
      <a:srgbClr val="F7F5FF"/>
    </a:custClr>
    <a:custClr name="Dark Purple 500">
      <a:srgbClr val="38025C"/>
    </a:custClr>
    <a:custClr name="Dark Purple 400">
      <a:srgbClr val="60347C"/>
    </a:custClr>
    <a:custClr name="Light Purple 500">
      <a:srgbClr val="A7A4E0"/>
    </a:custClr>
    <a:custClr name="Light Purple 400">
      <a:srgbClr val="B9B6E6"/>
    </a:custClr>
    <a:custClr name="Vibrant Purple 500">
      <a:srgbClr val="7D55C7"/>
    </a:custClr>
    <a:custClr name="Vibrant Purple 400">
      <a:srgbClr val="9777D2"/>
    </a:custClr>
    <a:custClr name="Dark Grey">
      <a:srgbClr val="3B383D"/>
    </a:custClr>
    <a:custClr name="Vibrant Grey">
      <a:srgbClr val="646266"/>
    </a:custClr>
    <a:custClr name="Light Grey">
      <a:srgbClr val="BDBDBD"/>
    </a:custClr>
    <a:custClr name="Dark Aqua 500">
      <a:srgbClr val="004851"/>
    </a:custClr>
    <a:custClr name="Dark Aqua 400">
      <a:srgbClr val="336D74"/>
    </a:custClr>
    <a:custClr name="Vibrant Aqua 500">
      <a:srgbClr val="00AB8E"/>
    </a:custClr>
    <a:custClr name="Vibrant Aqua 400">
      <a:srgbClr val="33BCA5"/>
    </a:custClr>
    <a:custClr name="Light Aqua 500">
      <a:srgbClr val="88DBDF"/>
    </a:custClr>
    <a:custClr name="Light Aqua 400">
      <a:srgbClr val="A0E2E5"/>
    </a:custClr>
    <a:custClr name="Dark Blue 500">
      <a:srgbClr val="002B49"/>
    </a:custClr>
    <a:custClr name="Dark Blue 400">
      <a:srgbClr val="33556D"/>
    </a:custClr>
    <a:custClr name="Vibrant Blue 500">
      <a:srgbClr val="007096"/>
    </a:custClr>
    <a:custClr name="Vibrant Blue 400">
      <a:srgbClr val="338DAB"/>
    </a:custClr>
    <a:custClr name="Light Blue 500">
      <a:srgbClr val="8DC8E8"/>
    </a:custClr>
    <a:custClr name="Light Blue 400">
      <a:srgbClr val="A4D3ED"/>
    </a:custClr>
    <a:custClr name="Dark Red 500">
      <a:srgbClr val="70273D"/>
    </a:custClr>
    <a:custClr name="Dark Red 400">
      <a:srgbClr val="8D5264"/>
    </a:custClr>
    <a:custClr name="Vibrant Red 500">
      <a:srgbClr val="D22730"/>
    </a:custClr>
    <a:custClr name="Vibrant Red 400">
      <a:srgbClr val="DB5259"/>
    </a:custClr>
    <a:custClr name="Light Red 500">
      <a:srgbClr val="EAB8E4"/>
    </a:custClr>
    <a:custClr name="Light Red 400">
      <a:srgbClr val="EEC6E9"/>
    </a:custClr>
    <a:custClr name="Dark Green 500">
      <a:srgbClr val="284734"/>
    </a:custClr>
    <a:custClr name="Dark Green 400">
      <a:srgbClr val="536C5D"/>
    </a:custClr>
    <a:custClr name="Vibrant Green 500">
      <a:srgbClr val="56C271"/>
    </a:custClr>
    <a:custClr name="Vibrant Green 400">
      <a:srgbClr val="78CE8D"/>
    </a:custClr>
    <a:custClr name="Light Green 500">
      <a:srgbClr val="BCE194"/>
    </a:custClr>
    <a:custClr name="Light Green 400">
      <a:srgbClr val="C9E7A9"/>
    </a:custClr>
    <a:custClr name="Dark Orange 500">
      <a:srgbClr val="B33D26"/>
    </a:custClr>
    <a:custClr name="Dark Orange 400">
      <a:srgbClr val="C2645B"/>
    </a:custClr>
    <a:custClr name="Vibrant Orange 500 ">
      <a:srgbClr val="F68D2E"/>
    </a:custClr>
    <a:custClr name="Vibrant Orange 400 ">
      <a:srgbClr val="F8A458"/>
    </a:custClr>
    <a:custClr name="Light Orange 500">
      <a:srgbClr val="FCC89B"/>
    </a:custClr>
    <a:custClr name="Light Orange 400">
      <a:srgbClr val="FDD3A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I Corporate 2023">
      <a:dk1>
        <a:srgbClr val="000000"/>
      </a:dk1>
      <a:lt1>
        <a:srgbClr val="FFFFFF"/>
      </a:lt1>
      <a:dk2>
        <a:srgbClr val="38025C"/>
      </a:dk2>
      <a:lt2>
        <a:srgbClr val="F7F5FF"/>
      </a:lt2>
      <a:accent1>
        <a:srgbClr val="38025C"/>
      </a:accent1>
      <a:accent2>
        <a:srgbClr val="A7A4E0"/>
      </a:accent2>
      <a:accent3>
        <a:srgbClr val="7D55C7"/>
      </a:accent3>
      <a:accent4>
        <a:srgbClr val="3B383D"/>
      </a:accent4>
      <a:accent5>
        <a:srgbClr val="646266"/>
      </a:accent5>
      <a:accent6>
        <a:srgbClr val="BDBDBD"/>
      </a:accent6>
      <a:hlink>
        <a:srgbClr val="7D55C7"/>
      </a:hlink>
      <a:folHlink>
        <a:srgbClr val="A7A4E0"/>
      </a:folHlink>
    </a:clrScheme>
    <a:fontScheme name="Dansk Industri 2023">
      <a:majorFont>
        <a:latin typeface="DI Display Office"/>
        <a:ea typeface=""/>
        <a:cs typeface=""/>
      </a:majorFont>
      <a:minorFont>
        <a:latin typeface="DI Sans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Off White Background">
      <a:srgbClr val="F7F5FF"/>
    </a:custClr>
    <a:custClr name="Dark Purple 500">
      <a:srgbClr val="38025C"/>
    </a:custClr>
    <a:custClr name="Dark Purple 400">
      <a:srgbClr val="60347C"/>
    </a:custClr>
    <a:custClr name="Light Purple 500">
      <a:srgbClr val="A7A4E0"/>
    </a:custClr>
    <a:custClr name="Light Purple 400">
      <a:srgbClr val="B9B6E6"/>
    </a:custClr>
    <a:custClr name="Vibrant Purple 500">
      <a:srgbClr val="7D55C7"/>
    </a:custClr>
    <a:custClr name="Vibrant Purple 400">
      <a:srgbClr val="9777D2"/>
    </a:custClr>
    <a:custClr name="Dark Grey">
      <a:srgbClr val="3B383D"/>
    </a:custClr>
    <a:custClr name="Vibrant Grey">
      <a:srgbClr val="646266"/>
    </a:custClr>
    <a:custClr name="Light Grey">
      <a:srgbClr val="BDBDBD"/>
    </a:custClr>
    <a:custClr name="Dark Aqua 500">
      <a:srgbClr val="004851"/>
    </a:custClr>
    <a:custClr name="Dark Aqua 400">
      <a:srgbClr val="336D74"/>
    </a:custClr>
    <a:custClr name="Vibrant Aqua 500">
      <a:srgbClr val="00AB8E"/>
    </a:custClr>
    <a:custClr name="Vibrant Aqua 400">
      <a:srgbClr val="33BCA5"/>
    </a:custClr>
    <a:custClr name="Light Aqua 500">
      <a:srgbClr val="88DBDF"/>
    </a:custClr>
    <a:custClr name="Light Aqua 400">
      <a:srgbClr val="A0E2E5"/>
    </a:custClr>
    <a:custClr name="Dark Blue 500">
      <a:srgbClr val="002B49"/>
    </a:custClr>
    <a:custClr name="Dark Blue 400">
      <a:srgbClr val="33556D"/>
    </a:custClr>
    <a:custClr name="Vibrant Blue 500">
      <a:srgbClr val="007096"/>
    </a:custClr>
    <a:custClr name="Vibrant Blue 400">
      <a:srgbClr val="338DAB"/>
    </a:custClr>
    <a:custClr name="Light Blue 500">
      <a:srgbClr val="8DC8E8"/>
    </a:custClr>
    <a:custClr name="Light Blue 400">
      <a:srgbClr val="A4D3ED"/>
    </a:custClr>
    <a:custClr name="Dark Red 500">
      <a:srgbClr val="70273D"/>
    </a:custClr>
    <a:custClr name="Dark Red 400">
      <a:srgbClr val="8D5264"/>
    </a:custClr>
    <a:custClr name="Vibrant Red 500">
      <a:srgbClr val="D22730"/>
    </a:custClr>
    <a:custClr name="Vibrant Red 400">
      <a:srgbClr val="DB5259"/>
    </a:custClr>
    <a:custClr name="Light Red 500">
      <a:srgbClr val="EAB8E4"/>
    </a:custClr>
    <a:custClr name="Light Red 400">
      <a:srgbClr val="EEC6E9"/>
    </a:custClr>
    <a:custClr name="Dark Green 500">
      <a:srgbClr val="284734"/>
    </a:custClr>
    <a:custClr name="Dark Green 400">
      <a:srgbClr val="536C5D"/>
    </a:custClr>
    <a:custClr name="Vibrant Green 500">
      <a:srgbClr val="56C271"/>
    </a:custClr>
    <a:custClr name="Vibrant Green 400">
      <a:srgbClr val="78CE8D"/>
    </a:custClr>
    <a:custClr name="Light Green 500">
      <a:srgbClr val="BCE194"/>
    </a:custClr>
    <a:custClr name="Light Green 400">
      <a:srgbClr val="C9E7A9"/>
    </a:custClr>
    <a:custClr name="Dark Orange 500">
      <a:srgbClr val="B33D26"/>
    </a:custClr>
    <a:custClr name="Dark Orange 400">
      <a:srgbClr val="C2645B"/>
    </a:custClr>
    <a:custClr name="Vibrant Orange 500 ">
      <a:srgbClr val="F68D2E"/>
    </a:custClr>
    <a:custClr name="Vibrant Orange 400 ">
      <a:srgbClr val="F8A458"/>
    </a:custClr>
    <a:custClr name="Light Orange 500">
      <a:srgbClr val="FCC89B"/>
    </a:custClr>
    <a:custClr name="Light Orange 400">
      <a:srgbClr val="FDD3A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GetOrganized dokument" ma:contentTypeID="0x010100AC085CFC53BC46CEA2EADE194AD9D48200477B28B5A1E2D34AABCC1C3B0EB22258" ma:contentTypeVersion="3" ma:contentTypeDescription="GetOrganized dokument" ma:contentTypeScope="" ma:versionID="17e6f87ce54e2fac49e576f62eee45ec">
  <xsd:schema xmlns:xsd="http://www.w3.org/2001/XMLSchema" xmlns:xs="http://www.w3.org/2001/XMLSchema" xmlns:p="http://schemas.microsoft.com/office/2006/metadata/properties" xmlns:ns1="http://schemas.microsoft.com/sharepoint/v3" xmlns:ns2="832186F2-6FCD-48B2-8D3F-F818B9AA5F96" xmlns:ns3="315ad9b3-963a-4848-82ef-25ae24c162e2" xmlns:ns4="1f6bf3b4-0b8c-4ef5-982b-003a445eabc9" targetNamespace="http://schemas.microsoft.com/office/2006/metadata/properties" ma:root="true" ma:fieldsID="a5cdfdaded797c12ed4fe24c0b91a9c0" ns1:_="" ns2:_="" ns3:_="" ns4:_="">
    <xsd:import namespace="http://schemas.microsoft.com/sharepoint/v3"/>
    <xsd:import namespace="832186F2-6FCD-48B2-8D3F-F818B9AA5F96"/>
    <xsd:import namespace="315ad9b3-963a-4848-82ef-25ae24c162e2"/>
    <xsd:import namespace="1f6bf3b4-0b8c-4ef5-982b-003a445eabc9"/>
    <xsd:element name="properties">
      <xsd:complexType>
        <xsd:sequence>
          <xsd:element name="documentManagement">
            <xsd:complexType>
              <xsd:all>
                <xsd:element ref="ns2:Classification" minOccurs="0"/>
                <xsd:element ref="ns1:DokumentAnsvarlig" minOccurs="0"/>
                <xsd:element ref="ns2:Korrespondance" minOccurs="0"/>
                <xsd:element ref="ns2:BrevDato" minOccurs="0"/>
                <xsd:element ref="ns2:Sender" minOccurs="0"/>
                <xsd:element ref="ns2:Recipient" minOccurs="0"/>
                <xsd:element ref="ns1:CaseID" minOccurs="0"/>
                <xsd:element ref="ns1:DocID" minOccurs="0"/>
                <xsd:element ref="ns1:Finalized" minOccurs="0"/>
                <xsd:element ref="ns1:Related" minOccurs="0"/>
                <xsd:element ref="ns1:RegistrationDate" minOccurs="0"/>
                <xsd:element ref="ns1:CaseRecordNumber" minOccurs="0"/>
                <xsd:element ref="ns1:LocalAttachment" minOccurs="0"/>
                <xsd:element ref="ns1:CCMTemplateName" minOccurs="0"/>
                <xsd:element ref="ns1:CCMTemplateVersion" minOccurs="0"/>
                <xsd:element ref="ns1:CCMTemplateID" minOccurs="0"/>
                <xsd:element ref="ns1:CCMSystemID" minOccurs="0"/>
                <xsd:element ref="ns1:WasEncrypted" minOccurs="0"/>
                <xsd:element ref="ns1:WasSigned" minOccurs="0"/>
                <xsd:element ref="ns1:MailHasAttachments" minOccurs="0"/>
                <xsd:element ref="ns2:je37f5ad88974fd29d0fd39396bca15b" minOccurs="0"/>
                <xsd:element ref="ns3:TaxCatchAll" minOccurs="0"/>
                <xsd:element ref="ns2:dbf51905fc4c476b80e445a18fd28b89" minOccurs="0"/>
                <xsd:element ref="ns1:CCMConversation" minOccurs="0"/>
                <xsd:element ref="ns2:Afsender_x003a_DI_x0020_nummer" minOccurs="0"/>
                <xsd:element ref="ns2:Modtagere_x003a_DI_x0020_nummer" minOccurs="0"/>
                <xsd:element ref="ns2:acd3fb1e06164cd09d5ed7cd141fe8f7" minOccurs="0"/>
                <xsd:element ref="ns2:e3500a0ec7294ab5a952ab7116514286" minOccurs="0"/>
                <xsd:element ref="ns1:CCMVisualId" minOccurs="0"/>
                <xsd:element ref="ns1:CCMOriginalDocID" minOccurs="0"/>
                <xsd:element ref="ns1:CCMCognitiveType" minOccurs="0"/>
                <xsd:element ref="ns2:Afsender_x003a_Mailadresse" minOccurs="0"/>
                <xsd:element ref="ns2:Modtagere_x003a_Mailadresse" minOccurs="0"/>
                <xsd:element ref="ns1:CCMMetadataExtractionStatus" minOccurs="0"/>
                <xsd:element ref="ns1:CCMPageCount" minOccurs="0"/>
                <xsd:element ref="ns1:CCMCommentCount" minOccurs="0"/>
                <xsd:element ref="ns1:CCMPreviewAnnotationsTasks" minOccurs="0"/>
                <xsd:element ref="ns1:CCMOnlineStatus" minOccurs="0"/>
                <xsd:element ref="ns4:SharedWithUsers" minOccurs="0"/>
                <xsd:element ref="ns4: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kumentAnsvarlig" ma:index="3" nillable="true" ma:displayName="Dokument ansvarlig" ma:list="UserInfo" ma:SharePointGroup="0" ma:internalName="DokumentAnsvarlig"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aseID" ma:index="17" nillable="true" ma:displayName="Sags ID" ma:default="Tildeler" ma:internalName="CaseID" ma:readOnly="true">
      <xsd:simpleType>
        <xsd:restriction base="dms:Text"/>
      </xsd:simpleType>
    </xsd:element>
    <xsd:element name="DocID" ma:index="18" nillable="true" ma:displayName="Dok ID" ma:default="Tildeler" ma:description="" ma:internalName="DocID" ma:readOnly="true">
      <xsd:simpleType>
        <xsd:restriction base="dms:Text"/>
      </xsd:simpleType>
    </xsd:element>
    <xsd:element name="Finalized" ma:index="19" nillable="true" ma:displayName="Endeligt" ma:default="False" ma:internalName="Finalized" ma:readOnly="true">
      <xsd:simpleType>
        <xsd:restriction base="dms:Boolean"/>
      </xsd:simpleType>
    </xsd:element>
    <xsd:element name="Related" ma:index="20" nillable="true" ma:displayName="Vedhæftet dokument" ma:default="False" ma:internalName="Related" ma:readOnly="true">
      <xsd:simpleType>
        <xsd:restriction base="dms:Boolean"/>
      </xsd:simpleType>
    </xsd:element>
    <xsd:element name="RegistrationDate" ma:index="21" nillable="true" ma:displayName="Registrerings dato" ma:format="DateTime" ma:internalName="RegistrationDate" ma:readOnly="true">
      <xsd:simpleType>
        <xsd:restriction base="dms:DateTime"/>
      </xsd:simpleType>
    </xsd:element>
    <xsd:element name="CaseRecordNumber" ma:index="22" nillable="true" ma:displayName="Akt ID" ma:decimals="0" ma:default="0" ma:internalName="CaseRecordNumber" ma:readOnly="true">
      <xsd:simpleType>
        <xsd:restriction base="dms:Number"/>
      </xsd:simpleType>
    </xsd:element>
    <xsd:element name="LocalAttachment" ma:index="23" nillable="true" ma:displayName="Lokalt bilag" ma:default="False" ma:internalName="LocalAttachment" ma:readOnly="true">
      <xsd:simpleType>
        <xsd:restriction base="dms:Boolean"/>
      </xsd:simpleType>
    </xsd:element>
    <xsd:element name="CCMTemplateName" ma:index="24" nillable="true" ma:displayName="Skabelon navn" ma:internalName="CCMTemplateName" ma:readOnly="true">
      <xsd:simpleType>
        <xsd:restriction base="dms:Text"/>
      </xsd:simpleType>
    </xsd:element>
    <xsd:element name="CCMTemplateVersion" ma:index="25" nillable="true" ma:displayName="Skabelon version" ma:internalName="CCMTemplateVersion" ma:readOnly="true">
      <xsd:simpleType>
        <xsd:restriction base="dms:Text"/>
      </xsd:simpleType>
    </xsd:element>
    <xsd:element name="CCMTemplateID" ma:index="26" nillable="true" ma:displayName="CCMTemplateID" ma:decimals="0" ma:default="0" ma:hidden="true" ma:internalName="CCMTemplateID" ma:readOnly="true">
      <xsd:simpleType>
        <xsd:restriction base="dms:Number"/>
      </xsd:simpleType>
    </xsd:element>
    <xsd:element name="CCMSystemID" ma:index="27" nillable="true" ma:displayName="CCMSystemID" ma:hidden="true" ma:internalName="CCMSystemID" ma:readOnly="true">
      <xsd:simpleType>
        <xsd:restriction base="dms:Text"/>
      </xsd:simpleType>
    </xsd:element>
    <xsd:element name="WasEncrypted" ma:index="28" nillable="true" ma:displayName="Krypteret" ma:default="False" ma:internalName="WasEncrypted" ma:readOnly="true">
      <xsd:simpleType>
        <xsd:restriction base="dms:Boolean"/>
      </xsd:simpleType>
    </xsd:element>
    <xsd:element name="WasSigned" ma:index="29" nillable="true" ma:displayName="Signeret" ma:default="False" ma:internalName="WasSigned" ma:readOnly="true">
      <xsd:simpleType>
        <xsd:restriction base="dms:Boolean"/>
      </xsd:simpleType>
    </xsd:element>
    <xsd:element name="MailHasAttachments" ma:index="30" nillable="true" ma:displayName="E-mail har vedhæftede filer" ma:default="False" ma:internalName="MailHasAttachments" ma:readOnly="true">
      <xsd:simpleType>
        <xsd:restriction base="dms:Boolean"/>
      </xsd:simpleType>
    </xsd:element>
    <xsd:element name="CCMConversation" ma:index="34" nillable="true" ma:displayName="Samtale" ma:internalName="CCMConversation" ma:readOnly="true">
      <xsd:simpleType>
        <xsd:restriction base="dms:Text"/>
      </xsd:simpleType>
    </xsd:element>
    <xsd:element name="CCMVisualId" ma:index="41" nillable="true" ma:displayName="Sags ID" ma:default="Tildeler" ma:internalName="CCMVisualId" ma:readOnly="true">
      <xsd:simpleType>
        <xsd:restriction base="dms:Text"/>
      </xsd:simpleType>
    </xsd:element>
    <xsd:element name="CCMOriginalDocID" ma:index="42" nillable="true" ma:displayName="Originalt Dok ID" ma:description="" ma:internalName="CCMOriginalDocID" ma:readOnly="true">
      <xsd:simpleType>
        <xsd:restriction base="dms:Text"/>
      </xsd:simpleType>
    </xsd:element>
    <xsd:element name="CCMCognitiveType" ma:index="44" nillable="true" ma:displayName="CognitiveType" ma:decimals="0" ma:internalName="CCMCognitiveType" ma:readOnly="false">
      <xsd:simpleType>
        <xsd:restriction base="dms:Number"/>
      </xsd:simpleType>
    </xsd:element>
    <xsd:element name="CCMMetadataExtractionStatus" ma:index="47" nillable="true" ma:displayName="CCMMetadataExtractionStatus" ma:default="CCMPageCount:InProgress;CCMCommentCount:InProgress" ma:hidden="true" ma:internalName="CCMMetadataExtractionStatus" ma:readOnly="false">
      <xsd:simpleType>
        <xsd:restriction base="dms:Text"/>
      </xsd:simpleType>
    </xsd:element>
    <xsd:element name="CCMPageCount" ma:index="48" nillable="true" ma:displayName="Sider" ma:decimals="0" ma:internalName="CCMPageCount" ma:readOnly="true">
      <xsd:simpleType>
        <xsd:restriction base="dms:Number"/>
      </xsd:simpleType>
    </xsd:element>
    <xsd:element name="CCMCommentCount" ma:index="49" nillable="true" ma:displayName="Kommentarer" ma:decimals="0" ma:internalName="CCMCommentCount" ma:readOnly="true">
      <xsd:simpleType>
        <xsd:restriction base="dms:Number"/>
      </xsd:simpleType>
    </xsd:element>
    <xsd:element name="CCMPreviewAnnotationsTasks" ma:index="50" nillable="true" ma:displayName="Opgaver" ma:decimals="0" ma:internalName="CCMPreviewAnnotationsTasks" ma:readOnly="true">
      <xsd:simpleType>
        <xsd:restriction base="dms:Number"/>
      </xsd:simpleType>
    </xsd:element>
    <xsd:element name="CCMOnlineStatus" ma:index="51" nillable="true" ma:displayName="Online status" ma:description="" ma:format="Dropdown" ma:internalName="CCMOnlineStatus" ma:readOnly="true">
      <xsd:simpleType>
        <xsd:restriction base="dms:Choice">
          <xsd:enumeration value="OneDrive"/>
          <xsd:enumeration value="SharePointOnline"/>
          <xsd:enumeration value="Teams"/>
          <xsd:enumeration value="SharePointOnlineSync"/>
        </xsd:restriction>
      </xsd:simpleType>
    </xsd:element>
  </xsd:schema>
  <xsd:schema xmlns:xsd="http://www.w3.org/2001/XMLSchema" xmlns:xs="http://www.w3.org/2001/XMLSchema" xmlns:dms="http://schemas.microsoft.com/office/2006/documentManagement/types" xmlns:pc="http://schemas.microsoft.com/office/infopath/2007/PartnerControls" targetNamespace="832186F2-6FCD-48B2-8D3F-F818B9AA5F96" elementFormDefault="qualified">
    <xsd:import namespace="http://schemas.microsoft.com/office/2006/documentManagement/types"/>
    <xsd:import namespace="http://schemas.microsoft.com/office/infopath/2007/PartnerControls"/>
    <xsd:element name="Classification" ma:index="1" nillable="true" ma:displayName="Klassifikation" ma:internalName="Classification">
      <xsd:simpleType>
        <xsd:restriction base="dms:Choice">
          <xsd:enumeration value="Offentlig"/>
          <xsd:enumeration value="Intern"/>
          <xsd:enumeration value="Fortrolig"/>
        </xsd:restriction>
      </xsd:simpleType>
    </xsd:element>
    <xsd:element name="Korrespondance" ma:index="6" nillable="true" ma:displayName="Korrespondance" ma:default="Intern" ma:format="Dropdown" ma:internalName="Korrespondance">
      <xsd:simpleType>
        <xsd:restriction base="dms:Choice">
          <xsd:enumeration value="Indgående"/>
          <xsd:enumeration value="Udgående"/>
          <xsd:enumeration value="Intern"/>
        </xsd:restriction>
      </xsd:simpleType>
    </xsd:element>
    <xsd:element name="BrevDato" ma:index="7" nillable="true" ma:displayName="Brevdato" ma:default="[today]" ma:format="DateOnly" ma:internalName="BrevDato">
      <xsd:simpleType>
        <xsd:restriction base="dms:DateTime"/>
      </xsd:simpleType>
    </xsd:element>
    <xsd:element name="Sender" ma:index="8" nillable="true" ma:displayName="Afsender" ma:list="{536B9EDD-3EA9-4843-9D84-0B39CEF062EE}" ma:internalName="Sender" ma:readOnly="false" ma:showField="Relationsnavn">
      <xsd:simpleType>
        <xsd:restriction base="dms:Lookup"/>
      </xsd:simpleType>
    </xsd:element>
    <xsd:element name="Recipient" ma:index="9" nillable="true" ma:displayName="Modtagere" ma:list="{536B9EDD-3EA9-4843-9D84-0B39CEF062EE}" ma:internalName="Recipient" ma:readOnly="false" ma:showField="Relationsnavn">
      <xsd:complexType>
        <xsd:complexContent>
          <xsd:extension base="dms:MultiChoiceLookup">
            <xsd:sequence>
              <xsd:element name="Value" type="dms:Lookup" maxOccurs="unbounded" minOccurs="0" nillable="true"/>
            </xsd:sequence>
          </xsd:extension>
        </xsd:complexContent>
      </xsd:complexType>
    </xsd:element>
    <xsd:element name="je37f5ad88974fd29d0fd39396bca15b" ma:index="31" nillable="true" ma:taxonomy="true" ma:internalName="je37f5ad88974fd29d0fd39396bca15b" ma:taxonomyFieldName="Emneord" ma:displayName="Emneord" ma:default="97;#INFRASTRUKTUR|c6004886-9ab0-4285-b20a-cb65beaefc55" ma:fieldId="{3e37f5ad-8897-4fd2-9d0f-d39396bca15b}" ma:taxonomyMulti="true" ma:sspId="1175f021-6394-480f-bd74-6e19f098a40a" ma:termSetId="47cd2d9d-2658-42cf-b898-2017e6d0e205" ma:anchorId="00000000-0000-0000-0000-000000000000" ma:open="false" ma:isKeyword="false">
      <xsd:complexType>
        <xsd:sequence>
          <xsd:element ref="pc:Terms" minOccurs="0" maxOccurs="1"/>
        </xsd:sequence>
      </xsd:complexType>
    </xsd:element>
    <xsd:element name="dbf51905fc4c476b80e445a18fd28b89" ma:index="33" nillable="true" ma:taxonomy="true" ma:internalName="dbf51905fc4c476b80e445a18fd28b89" ma:taxonomyFieldName="Dokumenttype" ma:displayName="Dokumenttype" ma:default="" ma:fieldId="{dbf51905-fc4c-476b-80e4-45a18fd28b89}" ma:sspId="1175f021-6394-480f-bd74-6e19f098a40a" ma:termSetId="83cf7dff-1c62-40c3-b5c2-ee10c49d2554" ma:anchorId="00000000-0000-0000-0000-000000000000" ma:open="false" ma:isKeyword="false">
      <xsd:complexType>
        <xsd:sequence>
          <xsd:element ref="pc:Terms" minOccurs="0" maxOccurs="1"/>
        </xsd:sequence>
      </xsd:complexType>
    </xsd:element>
    <xsd:element name="Afsender_x003a_DI_x0020_nummer" ma:index="35" nillable="true" ma:displayName="Afsender:DI nummer" ma:list="{536B9EDD-3EA9-4843-9D84-0B39CEF062EE}" ma:internalName="Afsender_x003a_DI_x0020_nummer" ma:readOnly="true" ma:showField="DInr" ma:web="">
      <xsd:simpleType>
        <xsd:restriction base="dms:Lookup"/>
      </xsd:simpleType>
    </xsd:element>
    <xsd:element name="Modtagere_x003a_DI_x0020_nummer" ma:index="36" nillable="true" ma:displayName="Modtagere:DI nummer" ma:list="{536B9EDD-3EA9-4843-9D84-0B39CEF062EE}" ma:internalName="Modtagere_x003a_DI_x0020_nummer" ma:readOnly="true" ma:showField="DInr" ma:web="">
      <xsd:complexType>
        <xsd:complexContent>
          <xsd:extension base="dms:MultiChoiceLookup">
            <xsd:sequence>
              <xsd:element name="Value" type="dms:Lookup" maxOccurs="unbounded" minOccurs="0" nillable="true"/>
            </xsd:sequence>
          </xsd:extension>
        </xsd:complexContent>
      </xsd:complexType>
    </xsd:element>
    <xsd:element name="acd3fb1e06164cd09d5ed7cd141fe8f7" ma:index="37" nillable="true" ma:taxonomy="true" ma:internalName="acd3fb1e06164cd09d5ed7cd141fe8f7" ma:taxonomyFieldName="Department" ma:displayName="Afdeling" ma:default="" ma:fieldId="{acd3fb1e-0616-4cd0-9d5e-d7cd141fe8f7}" ma:sspId="1175f021-6394-480f-bd74-6e19f098a40a" ma:termSetId="264c202f-55e2-4396-a535-534e97af216d" ma:anchorId="00000000-0000-0000-0000-000000000000" ma:open="false" ma:isKeyword="false">
      <xsd:complexType>
        <xsd:sequence>
          <xsd:element ref="pc:Terms" minOccurs="0" maxOccurs="1"/>
        </xsd:sequence>
      </xsd:complexType>
    </xsd:element>
    <xsd:element name="e3500a0ec7294ab5a952ab7116514286" ma:index="39" nillable="true" ma:taxonomy="true" ma:internalName="e3500a0ec7294ab5a952ab7116514286" ma:taxonomyFieldName="Omr_x00e5_de" ma:displayName="Område" ma:default="" ma:fieldId="{e3500a0e-c729-4ab5-a952-ab7116514286}" ma:taxonomyMulti="true" ma:sspId="1175f021-6394-480f-bd74-6e19f098a40a" ma:termSetId="6e8a61fe-69bf-4a0f-80e9-d257a2887d39" ma:anchorId="00000000-0000-0000-0000-000000000000" ma:open="false" ma:isKeyword="false">
      <xsd:complexType>
        <xsd:sequence>
          <xsd:element ref="pc:Terms" minOccurs="0" maxOccurs="1"/>
        </xsd:sequence>
      </xsd:complexType>
    </xsd:element>
    <xsd:element name="Afsender_x003a_Mailadresse" ma:index="45" nillable="true" ma:displayName="Afsender:Mailadresse" ma:list="{536B9EDD-3EA9-4843-9D84-0B39CEF062EE}" ma:internalName="Afsender_x003a_Mailadresse" ma:readOnly="true" ma:showField="Email" ma:web="">
      <xsd:simpleType>
        <xsd:restriction base="dms:Lookup"/>
      </xsd:simpleType>
    </xsd:element>
    <xsd:element name="Modtagere_x003a_Mailadresse" ma:index="46" nillable="true" ma:displayName="Modtagere:Mailadresse" ma:list="{536B9EDD-3EA9-4843-9D84-0B39CEF062EE}" ma:internalName="Modtagere_x003a_Mailadresse" ma:readOnly="true" ma:showField="Email" ma:web="">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15ad9b3-963a-4848-82ef-25ae24c162e2" elementFormDefault="qualified">
    <xsd:import namespace="http://schemas.microsoft.com/office/2006/documentManagement/types"/>
    <xsd:import namespace="http://schemas.microsoft.com/office/infopath/2007/PartnerControls"/>
    <xsd:element name="TaxCatchAll" ma:index="32" nillable="true" ma:displayName="Taxonomy Catch All Column" ma:hidden="true" ma:list="{9b503f02-76f7-4032-9153-2b71dd0ba044}" ma:internalName="TaxCatchAll" ma:showField="CatchAllData" ma:web="315ad9b3-963a-4848-82ef-25ae24c162e2">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1f6bf3b4-0b8c-4ef5-982b-003a445eabc9" elementFormDefault="qualified">
    <xsd:import namespace="http://schemas.microsoft.com/office/2006/documentManagement/types"/>
    <xsd:import namespace="http://schemas.microsoft.com/office/infopath/2007/PartnerControls"/>
    <xsd:element name="SharedWithUsers" ma:index="5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53"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Indholdstype"/>
        <xsd:element ref="dc:title" minOccurs="0" maxOccurs="1" ma:index="10"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Recipient xmlns="832186F2-6FCD-48B2-8D3F-F818B9AA5F96"/>
    <Classification xmlns="832186F2-6FCD-48B2-8D3F-F818B9AA5F96" xsi:nil="true"/>
    <dbf51905fc4c476b80e445a18fd28b89 xmlns="832186F2-6FCD-48B2-8D3F-F818B9AA5F96">
      <Terms xmlns="http://schemas.microsoft.com/office/infopath/2007/PartnerControls"/>
    </dbf51905fc4c476b80e445a18fd28b89>
    <CCMCognitiveType xmlns="http://schemas.microsoft.com/sharepoint/v3" xsi:nil="true"/>
    <Sender xmlns="832186F2-6FCD-48B2-8D3F-F818B9AA5F96" xsi:nil="true"/>
    <DokumentAnsvarlig xmlns="http://schemas.microsoft.com/sharepoint/v3">
      <UserInfo>
        <DisplayName/>
        <AccountId xsi:nil="true"/>
        <AccountType/>
      </UserInfo>
    </DokumentAnsvarlig>
    <BrevDato xmlns="832186F2-6FCD-48B2-8D3F-F818B9AA5F96">2024-03-26T13:56:16+00:00</BrevDato>
    <acd3fb1e06164cd09d5ed7cd141fe8f7 xmlns="832186F2-6FCD-48B2-8D3F-F818B9AA5F96">
      <Terms xmlns="http://schemas.microsoft.com/office/infopath/2007/PartnerControls"/>
    </acd3fb1e06164cd09d5ed7cd141fe8f7>
    <Korrespondance xmlns="832186F2-6FCD-48B2-8D3F-F818B9AA5F96">Intern</Korrespondance>
    <je37f5ad88974fd29d0fd39396bca15b xmlns="832186F2-6FCD-48B2-8D3F-F818B9AA5F96">
      <Terms xmlns="http://schemas.microsoft.com/office/infopath/2007/PartnerControls">
        <TermInfo xmlns="http://schemas.microsoft.com/office/infopath/2007/PartnerControls">
          <TermName xmlns="http://schemas.microsoft.com/office/infopath/2007/PartnerControls">INFRASTRUKTUR</TermName>
          <TermId xmlns="http://schemas.microsoft.com/office/infopath/2007/PartnerControls">c6004886-9ab0-4285-b20a-cb65beaefc55</TermId>
        </TermInfo>
      </Terms>
    </je37f5ad88974fd29d0fd39396bca15b>
    <TaxCatchAll xmlns="315ad9b3-963a-4848-82ef-25ae24c162e2">
      <Value>97</Value>
    </TaxCatchAll>
    <e3500a0ec7294ab5a952ab7116514286 xmlns="832186F2-6FCD-48B2-8D3F-F818B9AA5F96">
      <Terms xmlns="http://schemas.microsoft.com/office/infopath/2007/PartnerControls"/>
    </e3500a0ec7294ab5a952ab7116514286>
    <CCMMetadataExtractionStatus xmlns="http://schemas.microsoft.com/sharepoint/v3">CCMPageCount:InProgress;CCMCommentCount:InProgress</CCMMetadataExtractionStatus>
    <LocalAttachment xmlns="http://schemas.microsoft.com/sharepoint/v3">false</LocalAttachment>
    <CCMPageCount xmlns="http://schemas.microsoft.com/sharepoint/v3" xsi:nil="true"/>
    <DocID xmlns="http://schemas.microsoft.com/sharepoint/v3">8156725</DocID>
    <MailHasAttachments xmlns="http://schemas.microsoft.com/sharepoint/v3" xsi:nil="true"/>
    <CCMCommentCount xmlns="http://schemas.microsoft.com/sharepoint/v3" xsi:nil="true"/>
    <CCMTemplateID xmlns="http://schemas.microsoft.com/sharepoint/v3">0</CCMTemplateID>
    <CaseID xmlns="http://schemas.microsoft.com/sharepoint/v3">DI-2020-00362</CaseID>
    <RegistrationDate xmlns="http://schemas.microsoft.com/sharepoint/v3" xsi:nil="true"/>
    <CaseRecordNumber xmlns="http://schemas.microsoft.com/sharepoint/v3">0</CaseRecordNumber>
    <CCMPreviewAnnotationsTasks xmlns="http://schemas.microsoft.com/sharepoint/v3" xsi:nil="true"/>
    <Related xmlns="http://schemas.microsoft.com/sharepoint/v3">false</Related>
    <CCMVisualId xmlns="http://schemas.microsoft.com/sharepoint/v3">DI-2020-00362</CCMVisualId>
    <CCMSystemID xmlns="http://schemas.microsoft.com/sharepoint/v3">35cd2af4-0882-4585-8cee-45a46aa5275b</CCMSystemID>
    <CCMConversation xmlns="http://schemas.microsoft.com/sharepoint/v3" xsi:nil="true"/>
    <WasEncrypted xmlns="http://schemas.microsoft.com/sharepoint/v3" xsi:nil="true"/>
    <WasSigned xmlns="http://schemas.microsoft.com/sharepoint/v3" xsi:nil="true"/>
    <Finalized xmlns="http://schemas.microsoft.com/sharepoint/v3">false</Finalized>
  </documentManagement>
</p:properties>
</file>

<file path=customXml/item5.xml><?xml version="1.0" encoding="utf-8"?>
<TemplafyTemplateConfiguration><![CDATA[{"elementsMetadata":[{"type":"shape","id":"9a17f7e6-2f83-4baf-a833-d58f830f0966","elementConfiguration":{"inheritDimensions":"inheritNone","width":"","height":"2 cm","binding":"UserProfile.LogoSelection.LogoColor2023_{{DocumentLanguage}}","disableUpdates":false,"type":"image"}},{"type":"shape","id":"e39e2f3a-f0b2-461c-9f23-a74bd77ce3c1","elementConfiguration":{"inheritDimensions":"inheritNone","height":"2.5 cm","binding":"UserProfile.LogoSelection.LogoStandardNeg2023_{{DocumentLanguage}}","disableUpdates":false,"type":"image"}},{"type":"shape","id":"717d8831-968c-4680-b8c0-70730c9614b8","elementConfiguration":{"inheritDimensions":"inheritNone","height":"2.5 cm","binding":"UserProfile.LogoSelection.LogoStandardNeg2023_{{DocumentLanguage}}","disableUpdates":false,"type":"image"}},{"type":"shape","id":"ec48f4be-05b7-4291-ba25-02c0e0a4d84e","elementConfiguration":{"inheritDimensions":"inheritNone","height":"2.5 cm","binding":"UserProfile.LogoSelection.LogoStandardNeg2023_{{DocumentLanguage}}","disableUpdates":false,"type":"image"}},{"type":"shape","id":"8ebb5802-a37d-4978-9353-e43aabf0335b","elementConfiguration":{"inheritDimensions":"inheritNone","width":"","height":"2 cm","binding":"UserProfile.LogoSelection.LogoNeg2023_{{DocumentLanguage}}","disableUpdates":false,"type":"image"}},{"type":"shape","id":"919b5873-cdfe-41b7-a722-bd8f6cae985d","elementConfiguration":{"inheritDimensions":"inheritNone","height":"2.5 cm","binding":"UserProfile.LogoSelection.LogoStandard2023_{{DocumentLanguage}}","disableUpdates":false,"type":"image"}},{"type":"shape","id":"28a43050-a700-4da5-afa6-01d49659c75e","elementConfiguration":{"inheritDimensions":"inheritNone","width":"","height":"2 cm","binding":"UserProfile.LogoSelection.LogoNeg2023_{{DocumentLanguage}}","disableUpdates":false,"type":"image"}},{"type":"shape","id":"3b6f021a-c809-4a1d-9c0f-b189f7e5122b","elementConfiguration":{"inheritDimensions":"inheritNone","height":"2.5 cm","binding":"UserProfile.LogoSelection.LogoStandardNeg2023_{{DocumentLanguage}}","disableUpdates":false,"type":"image"}},{"type":"shape","id":"b136ea6e-c273-4e84-9fd4-c50e4aa558dd","elementConfiguration":{"inheritDimensions":"inheritNone","height":"2.5 cm","binding":"UserProfile.LogoSelection.LogoStandardNeg2023_{{DocumentLanguage}}","disableUpdates":false,"type":"image"}},{"type":"shape","id":"28122f90-3057-4f25-8290-76663e1b60f6","elementConfiguration":{"inheritDimensions":"inheritNone","height":"2.5 cm","binding":"UserProfile.LogoSelection.LogoStandardNeg2023_{{DocumentLanguage}}","disableUpdates":false,"type":"image"}},{"type":"shape","id":"6a6692af-08d2-4f74-adf5-c7a516ef87cc","elementConfiguration":{"inheritDimensions":"inheritNone","height":"2.5 cm","binding":"UserProfile.LogoSelection.LogoStandardNeg2023_{{DocumentLanguage}}","disableUpdates":false,"type":"image"}},{"type":"shape","id":"526d54c2-3d3b-49d8-99f0-30c3ce8a2143","elementConfiguration":{"inheritDimensions":"inheritNone","height":"2.5 cm","binding":"UserProfile.LogoSelection.LogoStandard2023_{{DocumentLanguage}}","disableUpdates":false,"type":"image"}},{"type":"shape","id":"54e3eedb-bd91-4190-8768-ba5ab3851447","elementConfiguration":{"inheritDimensions":"inheritNone","height":"2.5 cm","binding":"UserProfile.LogoSelection.LogoStandardNeg2023_{{DocumentLanguage}}","disableUpdates":false,"type":"image"}},{"type":"shape","id":"ff0fedcc-fd82-456e-b648-d6f4b18b6c57","elementConfiguration":{"inheritDimensions":"inheritNone","height":"2.5 cm","binding":"UserProfile.LogoSelection.LogoStandardNeg2023_{{DocumentLanguage}}","disableUpdates":false,"type":"image"}},{"type":"shape","id":"4a0feef0-529d-43f7-86bd-5fa1bfdde9ce","elementConfiguration":{"inheritDimensions":"inheritNone","width":"","height":"2 cm","binding":"UserProfile.LogoSelection.LogoNeg2023_{{DocumentLanguage}}","disableUpdates":false,"type":"image"}}],"transformationConfigurations":[{"language":"{{DocumentLanguage}}","disableUpdates":false,"type":"proofingLanguage"}],"templateName":"","templateDescription":"","enableDocumentContentUpdater":true,"version":"1.3"}]]></TemplafyTemplateConfiguration>
</file>

<file path=customXml/item6.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false,"documentContentValidatorVersion":0},"elementsMetadata":[],"slideId":"638427290379807483","enableDocumentContentUpdater":true,"version":"1.3"}]]></TemplafySlideTemplateConfiguration>
</file>

<file path=customXml/item8.xml><?xml version="1.0" encoding="utf-8"?>
<TemplafySlideTemplateConfiguration><![CDATA[{"documentContentValidatorConfiguration":{"enableDocumentContentValidator":false,"documentContentValidatorVersion":0},"elementsMetadata":[],"slideId":"638315268837886803","enableDocumentContentUpdater":true,"version":"1.3"}]]></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3FCED94-075D-4C60-A74D-6E0DE2EFA640}">
  <ds:schemaRefs/>
</ds:datastoreItem>
</file>

<file path=customXml/itemProps2.xml><?xml version="1.0" encoding="utf-8"?>
<ds:datastoreItem xmlns:ds="http://schemas.openxmlformats.org/officeDocument/2006/customXml" ds:itemID="{859FC259-7114-4B22-95EA-D2B099F2DD1E}">
  <ds:schemaRefs>
    <ds:schemaRef ds:uri="http://schemas.microsoft.com/sharepoint/v3/contenttype/forms"/>
  </ds:schemaRefs>
</ds:datastoreItem>
</file>

<file path=customXml/itemProps3.xml><?xml version="1.0" encoding="utf-8"?>
<ds:datastoreItem xmlns:ds="http://schemas.openxmlformats.org/officeDocument/2006/customXml" ds:itemID="{E7D96E99-D037-4A9F-8981-B95C8D7278B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832186F2-6FCD-48B2-8D3F-F818B9AA5F96"/>
    <ds:schemaRef ds:uri="315ad9b3-963a-4848-82ef-25ae24c162e2"/>
    <ds:schemaRef ds:uri="1f6bf3b4-0b8c-4ef5-982b-003a445eabc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A2F3F19-CE12-421F-B88F-F839B0943EA5}">
  <ds:schemaRefs>
    <ds:schemaRef ds:uri="http://purl.org/dc/elements/1.1/"/>
    <ds:schemaRef ds:uri="http://schemas.microsoft.com/office/2006/metadata/properties"/>
    <ds:schemaRef ds:uri="http://schemas.microsoft.com/office/infopath/2007/PartnerControls"/>
    <ds:schemaRef ds:uri="http://schemas.microsoft.com/sharepoint/v3"/>
    <ds:schemaRef ds:uri="http://purl.org/dc/terms/"/>
    <ds:schemaRef ds:uri="315ad9b3-963a-4848-82ef-25ae24c162e2"/>
    <ds:schemaRef ds:uri="832186F2-6FCD-48B2-8D3F-F818B9AA5F96"/>
    <ds:schemaRef ds:uri="http://schemas.microsoft.com/office/2006/documentManagement/types"/>
    <ds:schemaRef ds:uri="http://schemas.openxmlformats.org/package/2006/metadata/core-properties"/>
    <ds:schemaRef ds:uri="1f6bf3b4-0b8c-4ef5-982b-003a445eabc9"/>
    <ds:schemaRef ds:uri="http://www.w3.org/XML/1998/namespace"/>
    <ds:schemaRef ds:uri="http://purl.org/dc/dcmitype/"/>
  </ds:schemaRefs>
</ds:datastoreItem>
</file>

<file path=customXml/itemProps5.xml><?xml version="1.0" encoding="utf-8"?>
<ds:datastoreItem xmlns:ds="http://schemas.openxmlformats.org/officeDocument/2006/customXml" ds:itemID="{FBC8D0F0-D1B2-4DC5-A8A8-D7FE88C07D73}">
  <ds:schemaRefs/>
</ds:datastoreItem>
</file>

<file path=customXml/itemProps6.xml><?xml version="1.0" encoding="utf-8"?>
<ds:datastoreItem xmlns:ds="http://schemas.openxmlformats.org/officeDocument/2006/customXml" ds:itemID="{F048EF45-EB86-4747-9089-3DEADCAB05CA}">
  <ds:schemaRefs/>
</ds:datastoreItem>
</file>

<file path=customXml/itemProps7.xml><?xml version="1.0" encoding="utf-8"?>
<ds:datastoreItem xmlns:ds="http://schemas.openxmlformats.org/officeDocument/2006/customXml" ds:itemID="{C39DBB9A-EC83-405C-9947-CF45704CBB2C}">
  <ds:schemaRefs/>
</ds:datastoreItem>
</file>

<file path=customXml/itemProps8.xml><?xml version="1.0" encoding="utf-8"?>
<ds:datastoreItem xmlns:ds="http://schemas.openxmlformats.org/officeDocument/2006/customXml" ds:itemID="{CD320D14-A83C-4951-BE06-88DE7B03D120}">
  <ds:schemaRefs/>
</ds:datastoreItem>
</file>

<file path=customXml/itemProps9.xml><?xml version="1.0" encoding="utf-8"?>
<ds:datastoreItem xmlns:ds="http://schemas.openxmlformats.org/officeDocument/2006/customXml" ds:itemID="{04DC7271-F85D-4210-898E-656F0BAA739C}">
  <ds:schemaRefs/>
</ds:datastoreItem>
</file>

<file path=docProps/app.xml><?xml version="1.0" encoding="utf-8"?>
<Properties xmlns="http://schemas.openxmlformats.org/officeDocument/2006/extended-properties" xmlns:vt="http://schemas.openxmlformats.org/officeDocument/2006/docPropsVTypes">
  <Template/>
  <TotalTime>0</TotalTime>
  <Words>721</Words>
  <Application>Microsoft Office PowerPoint</Application>
  <PresentationFormat>Widescreen</PresentationFormat>
  <Paragraphs>122</Paragraphs>
  <Slides>13</Slides>
  <Notes>12</Notes>
  <HiddenSlides>0</HiddenSlides>
  <MMClips>0</MMClips>
  <ScaleCrop>false</ScaleCrop>
  <HeadingPairs>
    <vt:vector size="6" baseType="variant">
      <vt:variant>
        <vt:lpstr>Fonts Used</vt:lpstr>
      </vt:variant>
      <vt:variant>
        <vt:i4>5</vt:i4>
      </vt:variant>
      <vt:variant>
        <vt:lpstr>Theme</vt:lpstr>
      </vt:variant>
      <vt:variant>
        <vt:i4>2</vt:i4>
      </vt:variant>
      <vt:variant>
        <vt:lpstr>Slide Titles</vt:lpstr>
      </vt:variant>
      <vt:variant>
        <vt:i4>13</vt:i4>
      </vt:variant>
    </vt:vector>
  </HeadingPairs>
  <TitlesOfParts>
    <vt:vector size="20" baseType="lpstr">
      <vt:lpstr>DI Numbers Office</vt:lpstr>
      <vt:lpstr>Arial</vt:lpstr>
      <vt:lpstr>DI Display Office</vt:lpstr>
      <vt:lpstr>DI Sans Book</vt:lpstr>
      <vt:lpstr>DI Sans Office</vt:lpstr>
      <vt:lpstr>Dansk Industri</vt:lpstr>
      <vt:lpstr>1_Dansk Industri</vt:lpstr>
      <vt:lpstr>Kollektiv transport betydning for erhvervslivet </vt:lpstr>
      <vt:lpstr>PowerPoint Presentation</vt:lpstr>
      <vt:lpstr>Budskaber  </vt:lpstr>
      <vt:lpstr>Kollektiv transport er vigtig for at rekruttere medarbejdere</vt:lpstr>
      <vt:lpstr>Kampen om arbejdskraften </vt:lpstr>
      <vt:lpstr>Mange familier har ikke bil og er afhængig af andre transportformer, når de skal på arbejde</vt:lpstr>
      <vt:lpstr>Mens den samlede persontransport er stigende, så bliver busruterne nedlagt</vt:lpstr>
      <vt:lpstr>PowerPoint Presentation</vt:lpstr>
      <vt:lpstr>I Sverige går det kun én vej</vt:lpstr>
      <vt:lpstr>Fordobling af ture i den kollektive transport i 2035</vt:lpstr>
      <vt:lpstr>Opmærksomhedspunkter om mobilitetshubs </vt:lpstr>
      <vt:lpstr>Budskaber  </vt:lpstr>
      <vt:lpstr>Tak for ordet!</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T høring om KT 180424 ANRH</dc:title>
  <dc:creator/>
  <cp:lastModifiedBy/>
  <cp:revision>1</cp:revision>
  <dcterms:created xsi:type="dcterms:W3CDTF">2023-09-25T08:22:58Z</dcterms:created>
  <dcterms:modified xsi:type="dcterms:W3CDTF">2024-09-11T15:38:0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3-09-28T19:41:21.0317625Z</vt:lpwstr>
  </property>
  <property fmtid="{D5CDD505-2E9C-101B-9397-08002B2CF9AE}" pid="4" name="TestEnabled">
    <vt:lpwstr>True</vt:lpwstr>
  </property>
  <property fmtid="{D5CDD505-2E9C-101B-9397-08002B2CF9AE}" pid="5" name="TemplafyTenantId">
    <vt:lpwstr>danskindustri</vt:lpwstr>
  </property>
  <property fmtid="{D5CDD505-2E9C-101B-9397-08002B2CF9AE}" pid="6" name="TemplafyTemplateId">
    <vt:lpwstr>638314746142835284</vt:lpwstr>
  </property>
  <property fmtid="{D5CDD505-2E9C-101B-9397-08002B2CF9AE}" pid="7" name="TemplafyUserProfileId">
    <vt:lpwstr>638481591247093880</vt:lpwstr>
  </property>
  <property fmtid="{D5CDD505-2E9C-101B-9397-08002B2CF9AE}" pid="8" name="TemplafyLanguageCode">
    <vt:lpwstr>da-DK</vt:lpwstr>
  </property>
  <property fmtid="{D5CDD505-2E9C-101B-9397-08002B2CF9AE}" pid="9" name="ContentTypeId">
    <vt:lpwstr>0x010100AC085CFC53BC46CEA2EADE194AD9D48200477B28B5A1E2D34AABCC1C3B0EB22258</vt:lpwstr>
  </property>
  <property fmtid="{D5CDD505-2E9C-101B-9397-08002B2CF9AE}" pid="10" name="Emneord">
    <vt:lpwstr>97;#INFRASTRUKTUR|c6004886-9ab0-4285-b20a-cb65beaefc55</vt:lpwstr>
  </property>
  <property fmtid="{D5CDD505-2E9C-101B-9397-08002B2CF9AE}" pid="11" name="Område">
    <vt:lpwstr/>
  </property>
  <property fmtid="{D5CDD505-2E9C-101B-9397-08002B2CF9AE}" pid="12" name="CCMSystem">
    <vt:lpwstr> </vt:lpwstr>
  </property>
  <property fmtid="{D5CDD505-2E9C-101B-9397-08002B2CF9AE}" pid="13" name="Department">
    <vt:lpwstr/>
  </property>
  <property fmtid="{D5CDD505-2E9C-101B-9397-08002B2CF9AE}" pid="14" name="Dokumenttype">
    <vt:lpwstr/>
  </property>
  <property fmtid="{D5CDD505-2E9C-101B-9397-08002B2CF9AE}" pid="15" name="CCMCommunication">
    <vt:lpwstr/>
  </property>
  <property fmtid="{D5CDD505-2E9C-101B-9397-08002B2CF9AE}" pid="16" name="CCMEventContext">
    <vt:lpwstr>854e7f6f-7b8b-4eb8-bddc-4b8771755f83</vt:lpwstr>
  </property>
</Properties>
</file>